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3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9599EF81-B823-4694-B7D7-B28FB04B4F27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By Event" sheetId="1" r:id="rId1"/>
    <sheet name="2014 Top 10 places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E494" i="2" l="1"/>
</calcChain>
</file>

<file path=xl/sharedStrings.xml><?xml version="1.0" encoding="utf-8"?>
<sst xmlns="http://schemas.openxmlformats.org/spreadsheetml/2006/main" count="4044" uniqueCount="971">
  <si>
    <t>Contest</t>
  </si>
  <si>
    <t>ParticipantFistName</t>
  </si>
  <si>
    <t>School</t>
  </si>
  <si>
    <t>FinalScore</t>
  </si>
  <si>
    <t>Place</t>
  </si>
  <si>
    <t>Accounting I</t>
  </si>
  <si>
    <t>Connor</t>
  </si>
  <si>
    <t>Mawhinney</t>
  </si>
  <si>
    <t>Mountain Vista High School</t>
  </si>
  <si>
    <t>Devon</t>
  </si>
  <si>
    <t>Meyer</t>
  </si>
  <si>
    <t>Alamosa High School</t>
  </si>
  <si>
    <t>Nick</t>
  </si>
  <si>
    <t>McLaughlin</t>
  </si>
  <si>
    <t>Clay</t>
  </si>
  <si>
    <t>Corliss</t>
  </si>
  <si>
    <t>Stratton High School</t>
  </si>
  <si>
    <t>Marisa</t>
  </si>
  <si>
    <t>Cruz</t>
  </si>
  <si>
    <t>Rocky Ford High School</t>
  </si>
  <si>
    <t>Marika</t>
  </si>
  <si>
    <t>Basagoitia</t>
  </si>
  <si>
    <t>Sargent High School</t>
  </si>
  <si>
    <t>Austin</t>
  </si>
  <si>
    <t>Couch</t>
  </si>
  <si>
    <t>Akron High School</t>
  </si>
  <si>
    <t>Thuys</t>
  </si>
  <si>
    <t>Tran</t>
  </si>
  <si>
    <t>Rangeview High School</t>
  </si>
  <si>
    <t>Gavin</t>
  </si>
  <si>
    <t>Devlin</t>
  </si>
  <si>
    <t>Eaton High School</t>
  </si>
  <si>
    <t>Mathew</t>
  </si>
  <si>
    <t>Izmarian</t>
  </si>
  <si>
    <t>Bear Creek High School</t>
  </si>
  <si>
    <t>Victoria</t>
  </si>
  <si>
    <t>Gallegos</t>
  </si>
  <si>
    <t>Delta High School</t>
  </si>
  <si>
    <t>James</t>
  </si>
  <si>
    <t>Jordan</t>
  </si>
  <si>
    <t>Pueblo East High School</t>
  </si>
  <si>
    <t>Merino High School</t>
  </si>
  <si>
    <t>Katelyn</t>
  </si>
  <si>
    <t>Moffat County High School</t>
  </si>
  <si>
    <t>Elizabeth High School</t>
  </si>
  <si>
    <t>Pagosa Springs High School</t>
  </si>
  <si>
    <t>Doherty High School</t>
  </si>
  <si>
    <t>Lauren</t>
  </si>
  <si>
    <t>La Junta High School</t>
  </si>
  <si>
    <t>Andrew</t>
  </si>
  <si>
    <t>Williams</t>
  </si>
  <si>
    <t>Windsor High School</t>
  </si>
  <si>
    <t>Justin</t>
  </si>
  <si>
    <t>Roosevelt High School</t>
  </si>
  <si>
    <t>Sterling High School</t>
  </si>
  <si>
    <t>Monarch High School</t>
  </si>
  <si>
    <t>Accounting II</t>
  </si>
  <si>
    <t>Christopher</t>
  </si>
  <si>
    <t>Penfield</t>
  </si>
  <si>
    <t>Cherokee Trail High School</t>
  </si>
  <si>
    <t>Chan</t>
  </si>
  <si>
    <t>Park</t>
  </si>
  <si>
    <t>Alex</t>
  </si>
  <si>
    <t>Lopez</t>
  </si>
  <si>
    <t>Cole</t>
  </si>
  <si>
    <t>Johnson</t>
  </si>
  <si>
    <t>Liberty High School</t>
  </si>
  <si>
    <t>Rachel</t>
  </si>
  <si>
    <t>Frantz</t>
  </si>
  <si>
    <t>Fleming High School</t>
  </si>
  <si>
    <t>Alyson</t>
  </si>
  <si>
    <t>Carleton</t>
  </si>
  <si>
    <t>Fruita Monument High School</t>
  </si>
  <si>
    <t>Dorian</t>
  </si>
  <si>
    <t>Ray</t>
  </si>
  <si>
    <t>Eads High School</t>
  </si>
  <si>
    <t>Taegan</t>
  </si>
  <si>
    <t>Murphy</t>
  </si>
  <si>
    <t>Cecilia</t>
  </si>
  <si>
    <t>Caro</t>
  </si>
  <si>
    <t>Caliche High School</t>
  </si>
  <si>
    <t>Dylan</t>
  </si>
  <si>
    <t>Bagby</t>
  </si>
  <si>
    <t>Adams City High School</t>
  </si>
  <si>
    <t>Overland High School</t>
  </si>
  <si>
    <t>Valley High School</t>
  </si>
  <si>
    <t>Mountain Range High School</t>
  </si>
  <si>
    <t>Rampart High School</t>
  </si>
  <si>
    <t>Michael</t>
  </si>
  <si>
    <t>Hoehne High School</t>
  </si>
  <si>
    <t>Daniel</t>
  </si>
  <si>
    <t>Burlington High School</t>
  </si>
  <si>
    <t>Bennett High School</t>
  </si>
  <si>
    <t>Agribusiness</t>
  </si>
  <si>
    <t>Kolby</t>
  </si>
  <si>
    <t>Shannon</t>
  </si>
  <si>
    <t>Kim School District RE-88</t>
  </si>
  <si>
    <t>Dillon</t>
  </si>
  <si>
    <t>Roesch</t>
  </si>
  <si>
    <t>McClave High School</t>
  </si>
  <si>
    <t>Garrett</t>
  </si>
  <si>
    <t>Brockleman</t>
  </si>
  <si>
    <t>Byers High School</t>
  </si>
  <si>
    <t>Blaine</t>
  </si>
  <si>
    <t>Larson</t>
  </si>
  <si>
    <t>Fowler High School</t>
  </si>
  <si>
    <t>Jonathan</t>
  </si>
  <si>
    <t>Schlagel</t>
  </si>
  <si>
    <t>Berthoud High School</t>
  </si>
  <si>
    <t>Aaron</t>
  </si>
  <si>
    <t>Thieman</t>
  </si>
  <si>
    <t>Big Sandy High School</t>
  </si>
  <si>
    <t>Levi</t>
  </si>
  <si>
    <t>Kurtzer</t>
  </si>
  <si>
    <t>Haxtun High School</t>
  </si>
  <si>
    <t>Holden</t>
  </si>
  <si>
    <t>Ramey</t>
  </si>
  <si>
    <t>Flint</t>
  </si>
  <si>
    <t>Wade</t>
  </si>
  <si>
    <t>Nicols</t>
  </si>
  <si>
    <t>Arapahoe High School</t>
  </si>
  <si>
    <t>Samantha</t>
  </si>
  <si>
    <t>Martinez</t>
  </si>
  <si>
    <t>Thunder Ridge High School</t>
  </si>
  <si>
    <t>Max</t>
  </si>
  <si>
    <t>Aspen High School</t>
  </si>
  <si>
    <t>Grandview High School</t>
  </si>
  <si>
    <t>Boulder High School</t>
  </si>
  <si>
    <t>Carson</t>
  </si>
  <si>
    <t>Arickaree School</t>
  </si>
  <si>
    <t>Clark</t>
  </si>
  <si>
    <t>Platte Valley High School</t>
  </si>
  <si>
    <t>Davis</t>
  </si>
  <si>
    <t>Peetz High School</t>
  </si>
  <si>
    <t>Ellicott High School</t>
  </si>
  <si>
    <t>Sam</t>
  </si>
  <si>
    <t>Colleen</t>
  </si>
  <si>
    <t>David</t>
  </si>
  <si>
    <t>Cherry Creek High School</t>
  </si>
  <si>
    <t>Kayla</t>
  </si>
  <si>
    <t>Cody</t>
  </si>
  <si>
    <t>Wray High School</t>
  </si>
  <si>
    <t>Hi-Plains High School</t>
  </si>
  <si>
    <t>Emily</t>
  </si>
  <si>
    <t>Olathe High School</t>
  </si>
  <si>
    <t>American Enterprise Project</t>
  </si>
  <si>
    <t>Gerk, Megan / Thompson, Seth</t>
  </si>
  <si>
    <t>Bernhardt, Beth / Gillham, Megan / Uhl, Jessica</t>
  </si>
  <si>
    <t>Gyurman, Savanna / Newman, Brittanie / Sewell, Chyann</t>
  </si>
  <si>
    <t>Dillenburg, Jenna / Erickson, Mattie / Waitley, Alissa</t>
  </si>
  <si>
    <t>Lousberg, Anthony / Lousberg, Nicole / Lousberg, Sabrina</t>
  </si>
  <si>
    <t>McHugh, Isabella / Mound, Andrew</t>
  </si>
  <si>
    <t>Cooper, Madison / Mestas, Santana / Whalen, Samantha</t>
  </si>
  <si>
    <t>Nunez, Dana / Pelton, Katie / Weed, Baylee</t>
  </si>
  <si>
    <t>Cheyenne Wells High School</t>
  </si>
  <si>
    <t>Catherine</t>
  </si>
  <si>
    <t>Paige</t>
  </si>
  <si>
    <t>Las Animas High School</t>
  </si>
  <si>
    <t>Alexandre</t>
  </si>
  <si>
    <t>Sarah</t>
  </si>
  <si>
    <t>Zane</t>
  </si>
  <si>
    <t>Green</t>
  </si>
  <si>
    <t>Ramirez</t>
  </si>
  <si>
    <t>Krista</t>
  </si>
  <si>
    <t>Jake</t>
  </si>
  <si>
    <t>Pueblo South High School</t>
  </si>
  <si>
    <t>Taylor</t>
  </si>
  <si>
    <t>Matthew</t>
  </si>
  <si>
    <t>Frankmore</t>
  </si>
  <si>
    <t>Romero</t>
  </si>
  <si>
    <t>Soehner</t>
  </si>
  <si>
    <t>Rock Canyon High School</t>
  </si>
  <si>
    <t>Jason</t>
  </si>
  <si>
    <t>Idalia High School</t>
  </si>
  <si>
    <t>Jennay</t>
  </si>
  <si>
    <t>Terrell</t>
  </si>
  <si>
    <t>Cassidy</t>
  </si>
  <si>
    <t>Steen</t>
  </si>
  <si>
    <t>Legacy High School</t>
  </si>
  <si>
    <t>Elizabeth</t>
  </si>
  <si>
    <t>Anthony</t>
  </si>
  <si>
    <t>Jacob</t>
  </si>
  <si>
    <t>Chris</t>
  </si>
  <si>
    <t>Tyler</t>
  </si>
  <si>
    <t>Wyatt</t>
  </si>
  <si>
    <t>Richardson</t>
  </si>
  <si>
    <t>Jared</t>
  </si>
  <si>
    <t>Smith</t>
  </si>
  <si>
    <t>Vince</t>
  </si>
  <si>
    <t>Valdez</t>
  </si>
  <si>
    <t>Ben</t>
  </si>
  <si>
    <t>Ward</t>
  </si>
  <si>
    <t>Jessica</t>
  </si>
  <si>
    <t>Terry</t>
  </si>
  <si>
    <t>Ellis</t>
  </si>
  <si>
    <t>Allison</t>
  </si>
  <si>
    <t>Schaefer</t>
  </si>
  <si>
    <t>Caleb</t>
  </si>
  <si>
    <t>Curtis</t>
  </si>
  <si>
    <t>Logan</t>
  </si>
  <si>
    <t>Ezra</t>
  </si>
  <si>
    <t>Kaiser</t>
  </si>
  <si>
    <t>Jansen</t>
  </si>
  <si>
    <t>Penny</t>
  </si>
  <si>
    <t>Fort Morgan High School</t>
  </si>
  <si>
    <t>Rodriguez</t>
  </si>
  <si>
    <t>Young</t>
  </si>
  <si>
    <t>Sangre De Cristo High School</t>
  </si>
  <si>
    <t>White</t>
  </si>
  <si>
    <t>Swink High School</t>
  </si>
  <si>
    <t>Hansen</t>
  </si>
  <si>
    <t>Tiffany</t>
  </si>
  <si>
    <t>Fleming</t>
  </si>
  <si>
    <t>Morgan</t>
  </si>
  <si>
    <t>Ryan</t>
  </si>
  <si>
    <t>Brooke</t>
  </si>
  <si>
    <t>Mitchell</t>
  </si>
  <si>
    <t>Thompson</t>
  </si>
  <si>
    <t>Joey</t>
  </si>
  <si>
    <t>Jackie</t>
  </si>
  <si>
    <t>Megan</t>
  </si>
  <si>
    <t>Faith</t>
  </si>
  <si>
    <t>Carpenter</t>
  </si>
  <si>
    <t>Tori</t>
  </si>
  <si>
    <t>Peterson</t>
  </si>
  <si>
    <t>Kyla</t>
  </si>
  <si>
    <t>Mathi Vadhani</t>
  </si>
  <si>
    <t>Hari Krishnan</t>
  </si>
  <si>
    <t>Salida High School</t>
  </si>
  <si>
    <t>Scott</t>
  </si>
  <si>
    <t>Sierra</t>
  </si>
  <si>
    <t>Miller</t>
  </si>
  <si>
    <t>Walker</t>
  </si>
  <si>
    <t>Henry</t>
  </si>
  <si>
    <t>Heritage High School</t>
  </si>
  <si>
    <t>Oliver</t>
  </si>
  <si>
    <t>Denver Center for International Studies</t>
  </si>
  <si>
    <t>Monee</t>
  </si>
  <si>
    <t>Crosswhite</t>
  </si>
  <si>
    <t>Hannah</t>
  </si>
  <si>
    <t>Baker</t>
  </si>
  <si>
    <t>Kenon</t>
  </si>
  <si>
    <t>Miner</t>
  </si>
  <si>
    <t>Joseph</t>
  </si>
  <si>
    <t>Russell</t>
  </si>
  <si>
    <t>Banking &amp; Financial Systems</t>
  </si>
  <si>
    <t>Kim, James / Mungia, Brian</t>
  </si>
  <si>
    <t>Poudre High School</t>
  </si>
  <si>
    <t>Davis, Brenden / Sepesy, Ryan</t>
  </si>
  <si>
    <t>Hicks, Jason / Limmer, Cody</t>
  </si>
  <si>
    <t>Brewer, Derek / Mathukumilli, Anirudh</t>
  </si>
  <si>
    <t>Leonard, Collin / Oza, Setu / Zhang, Phil</t>
  </si>
  <si>
    <t>Cousin, Taylor / Tapia, Joy</t>
  </si>
  <si>
    <t>Fairview High School</t>
  </si>
  <si>
    <t>Aslan, Lena / Fair, Brianna</t>
  </si>
  <si>
    <t>Hernandez, Zach / Maestas, Tommy / Nolasco, Tomas</t>
  </si>
  <si>
    <t>Chase, Jack / Godfrey, Henry</t>
  </si>
  <si>
    <t>George Washington High School</t>
  </si>
  <si>
    <t>Crowley County High School</t>
  </si>
  <si>
    <t>Antonito High School</t>
  </si>
  <si>
    <t>Wiggins High School</t>
  </si>
  <si>
    <t>Pine Creek High School</t>
  </si>
  <si>
    <t>Business Calculations</t>
  </si>
  <si>
    <t>Daly</t>
  </si>
  <si>
    <t>Zoey</t>
  </si>
  <si>
    <t>Huey</t>
  </si>
  <si>
    <t>Ferry</t>
  </si>
  <si>
    <t>Trexel</t>
  </si>
  <si>
    <t>Douglas County High School</t>
  </si>
  <si>
    <t>Becca</t>
  </si>
  <si>
    <t>Hoza</t>
  </si>
  <si>
    <t>Hayden High School</t>
  </si>
  <si>
    <t>Horan</t>
  </si>
  <si>
    <t>Englewood Senior High School</t>
  </si>
  <si>
    <t>Kendall</t>
  </si>
  <si>
    <t>Prairie High School</t>
  </si>
  <si>
    <t>Blaxer</t>
  </si>
  <si>
    <t>Hotchkiss High School</t>
  </si>
  <si>
    <t>Alexander</t>
  </si>
  <si>
    <t>Ho</t>
  </si>
  <si>
    <t>Thornton High School</t>
  </si>
  <si>
    <t>Pruznick</t>
  </si>
  <si>
    <t>Fossil Ridge High School</t>
  </si>
  <si>
    <t>Colter</t>
  </si>
  <si>
    <t>Hulse</t>
  </si>
  <si>
    <t>Lone Star School</t>
  </si>
  <si>
    <t>Matt</t>
  </si>
  <si>
    <t>Nguyen</t>
  </si>
  <si>
    <t>Business Communication</t>
  </si>
  <si>
    <t>Erin</t>
  </si>
  <si>
    <t>Sullivan</t>
  </si>
  <si>
    <t>Kellen</t>
  </si>
  <si>
    <t>Garrity</t>
  </si>
  <si>
    <t>Soroco High School</t>
  </si>
  <si>
    <t>Katie</t>
  </si>
  <si>
    <t>Wisham</t>
  </si>
  <si>
    <t>Taive</t>
  </si>
  <si>
    <t>Cox</t>
  </si>
  <si>
    <t>Mause</t>
  </si>
  <si>
    <t>Clauson</t>
  </si>
  <si>
    <t>Long</t>
  </si>
  <si>
    <t>Kailen</t>
  </si>
  <si>
    <t>Soncksen</t>
  </si>
  <si>
    <t>Emma</t>
  </si>
  <si>
    <t>Neybert</t>
  </si>
  <si>
    <t>Sanford High School</t>
  </si>
  <si>
    <t>Monte Vista High School</t>
  </si>
  <si>
    <t>Weldon Valley High School</t>
  </si>
  <si>
    <t>Business Ethics</t>
  </si>
  <si>
    <t>Christie, Helaina / Garrison, Emily</t>
  </si>
  <si>
    <t>Brekel, Josh / Gibbs, Ashton / Stahley, Joey</t>
  </si>
  <si>
    <t>Bender, Brittany / Hackney, Shelby / Park, Shi Hyung</t>
  </si>
  <si>
    <t>Golden, Brooke / Schoenfeld, Jacob / White, Meghan</t>
  </si>
  <si>
    <t>Flynn, Will / Wang, Kenny / Wolf, Jacob</t>
  </si>
  <si>
    <t>Kurtzer, Rebekah / Marner, Hannah / Shafer, Brenna</t>
  </si>
  <si>
    <t>Johnson, Sami / Lowder, Kaitlin / Van Treese, Kelci</t>
  </si>
  <si>
    <t>Hill, Logan / Turnbull, Duncan</t>
  </si>
  <si>
    <t>Russell, Sierra / Salazar, Celest</t>
  </si>
  <si>
    <t>Ricketson, Kayla / Schiel, Janae / Zimmerman, Natalie</t>
  </si>
  <si>
    <t>Air Academy High School</t>
  </si>
  <si>
    <t>Brush High School</t>
  </si>
  <si>
    <t>Pueblo Centennial High School</t>
  </si>
  <si>
    <t>Steamboat Springs High School</t>
  </si>
  <si>
    <t>Business Financial Plan</t>
  </si>
  <si>
    <t>Krishnaswamy, Aparna / Patel, Karishma</t>
  </si>
  <si>
    <t>Hill, Hazel / Jones, Cassidy</t>
  </si>
  <si>
    <t>Andersen, Taylor / Bivins, Bryce</t>
  </si>
  <si>
    <t>Bower, Melissa / Deherrera, Alexis</t>
  </si>
  <si>
    <t>McNerney, Nicholas / Patel, Meelan / Reiling, Jake</t>
  </si>
  <si>
    <t>Anderson, Madison / Knapp, Hanna / Workman, Wyatt</t>
  </si>
  <si>
    <t>Blinzinger, Emily / Miller, Kelli / Romero, Adam</t>
  </si>
  <si>
    <t>Coss, Eilin / Taylor, Brianna / Wisdom, Jennifer</t>
  </si>
  <si>
    <t>Gibala, Anna / Nguyen, Shasitie</t>
  </si>
  <si>
    <t>Caldon, Makenzie / Mortensen, Tayler</t>
  </si>
  <si>
    <t>Yuma High School</t>
  </si>
  <si>
    <t>Business Law</t>
  </si>
  <si>
    <t>Angela (Zhong)</t>
  </si>
  <si>
    <t>Wu</t>
  </si>
  <si>
    <t>Eshleman</t>
  </si>
  <si>
    <t>Spencer</t>
  </si>
  <si>
    <t>Shiplett</t>
  </si>
  <si>
    <t>Springfield High School</t>
  </si>
  <si>
    <t>Jirsa</t>
  </si>
  <si>
    <t>Estes Park High School</t>
  </si>
  <si>
    <t>Du</t>
  </si>
  <si>
    <t>Daniels</t>
  </si>
  <si>
    <t>Goetz</t>
  </si>
  <si>
    <t>Gerk</t>
  </si>
  <si>
    <t>Robert</t>
  </si>
  <si>
    <t>Meyers</t>
  </si>
  <si>
    <t>Izzi</t>
  </si>
  <si>
    <t>Reeves</t>
  </si>
  <si>
    <t>Coronado High School</t>
  </si>
  <si>
    <t>Strasburg High School</t>
  </si>
  <si>
    <t>Flagler High School</t>
  </si>
  <si>
    <t>Business Math</t>
  </si>
  <si>
    <t>Rafi</t>
  </si>
  <si>
    <t>Wick</t>
  </si>
  <si>
    <t>Jay</t>
  </si>
  <si>
    <t>Armstrong</t>
  </si>
  <si>
    <t>Kim</t>
  </si>
  <si>
    <t>Vonfeldt</t>
  </si>
  <si>
    <t>Jungwon</t>
  </si>
  <si>
    <t>Kang</t>
  </si>
  <si>
    <t>Adams</t>
  </si>
  <si>
    <t>Payton</t>
  </si>
  <si>
    <t>Mimi</t>
  </si>
  <si>
    <t>Harris</t>
  </si>
  <si>
    <t>Montrose High School</t>
  </si>
  <si>
    <t>Nicholas</t>
  </si>
  <si>
    <t>Nathan</t>
  </si>
  <si>
    <t>Longmont High School</t>
  </si>
  <si>
    <t>Holyoke High School</t>
  </si>
  <si>
    <t>Business Plan</t>
  </si>
  <si>
    <t>Chintaluru, Yaz / Gao, Eric</t>
  </si>
  <si>
    <t>Gray, Aaron / Van Zoeren, Aaron</t>
  </si>
  <si>
    <t>Atkins, Elise / Jones, Bailee</t>
  </si>
  <si>
    <t>Mayfield, Kori / Proctor, Carrie</t>
  </si>
  <si>
    <t>Nguyen, Steven / No, Kenny / Panklang, Benny</t>
  </si>
  <si>
    <t>Chavez, Yesenia</t>
  </si>
  <si>
    <t>Fetzer, Logan</t>
  </si>
  <si>
    <t>Dishman, Taylor / Kipp, Sabra / Ness, Taylor</t>
  </si>
  <si>
    <t>Burney, Megan / Sauceda, Marlana</t>
  </si>
  <si>
    <t>McConkey, Hope / Nevarez, Janira</t>
  </si>
  <si>
    <t>Cheraw High School</t>
  </si>
  <si>
    <t>Rocky Mountain High School</t>
  </si>
  <si>
    <t>Littleton High School</t>
  </si>
  <si>
    <t>Business Presentation</t>
  </si>
  <si>
    <t>Moss, Lindsey / Waggoner, Nicole</t>
  </si>
  <si>
    <t>Faoro, Christina / Garcia, George / Waggener, Emily</t>
  </si>
  <si>
    <t>Ahn, Bruce / Park, Do</t>
  </si>
  <si>
    <t>Fudge, Kristyn</t>
  </si>
  <si>
    <t>Hintermeister, Sydney</t>
  </si>
  <si>
    <t>Battle Mountain High School</t>
  </si>
  <si>
    <t>Gibbons, Daniel / Jin, Denise</t>
  </si>
  <si>
    <t>Felix, Theresa</t>
  </si>
  <si>
    <t>Berguson, Nick / Muhamad, Darun / Reddy, Karan</t>
  </si>
  <si>
    <t>Aguirre, Martin / Davis, Torrey / Rodriguez, Samantha</t>
  </si>
  <si>
    <t>Christie, Amity / Marienthal, Ali</t>
  </si>
  <si>
    <t>Ouray High School</t>
  </si>
  <si>
    <t>Thompson Valley High School</t>
  </si>
  <si>
    <t>Business Procedures</t>
  </si>
  <si>
    <t>Elisa</t>
  </si>
  <si>
    <t>Teeter</t>
  </si>
  <si>
    <t>Paul</t>
  </si>
  <si>
    <t>Bryson</t>
  </si>
  <si>
    <t>Thomas</t>
  </si>
  <si>
    <t>Dean</t>
  </si>
  <si>
    <t>Castle View High School</t>
  </si>
  <si>
    <t>Micaela</t>
  </si>
  <si>
    <t>Foster</t>
  </si>
  <si>
    <t>Lawless</t>
  </si>
  <si>
    <t>Shaun</t>
  </si>
  <si>
    <t>Beaty</t>
  </si>
  <si>
    <t>Naegele</t>
  </si>
  <si>
    <t>Anderson</t>
  </si>
  <si>
    <t>Wills</t>
  </si>
  <si>
    <t>Client Service</t>
  </si>
  <si>
    <t>Scheidt</t>
  </si>
  <si>
    <t>Stein</t>
  </si>
  <si>
    <t>Kennedy</t>
  </si>
  <si>
    <t>Watson</t>
  </si>
  <si>
    <t>Lombardi</t>
  </si>
  <si>
    <t>Guarenti</t>
  </si>
  <si>
    <t>Bruce</t>
  </si>
  <si>
    <t>Yessica</t>
  </si>
  <si>
    <t>Tarango</t>
  </si>
  <si>
    <t>Nelson</t>
  </si>
  <si>
    <t>Owen</t>
  </si>
  <si>
    <t>Erickson</t>
  </si>
  <si>
    <t>Community Service Project</t>
  </si>
  <si>
    <t>Durbin, Jayden / Wilkening, Nicole / Workman, Dillon</t>
  </si>
  <si>
    <t>Duffy, Bronwyn / Tucker, Kassity / Smith, Brett</t>
  </si>
  <si>
    <t>Arambula, Valeria / Buchanan, Alex / Wright, Caleb</t>
  </si>
  <si>
    <t>Herzog, Kylie / Lambrecht, Trey / Werner, Emily</t>
  </si>
  <si>
    <t>Sachtjen, Veronica / Shook, Jillian / Shook, Julia</t>
  </si>
  <si>
    <t>Hirsch, Alexandra / Williams, Natalie</t>
  </si>
  <si>
    <t>Northridge High School</t>
  </si>
  <si>
    <t>Bredehoft, Taylor / Hasz, Jade / Roan, Carissa</t>
  </si>
  <si>
    <t>Downing, Brianne</t>
  </si>
  <si>
    <t>Keiser, Alec / Manweiler, Chase / Wolfe, Cyndee</t>
  </si>
  <si>
    <t>Green, Carolyn / McCalley, Anna / Schlagel, Beth</t>
  </si>
  <si>
    <t>Computer Applications</t>
  </si>
  <si>
    <t>Kern-Alley, Caroline</t>
  </si>
  <si>
    <t>Tomas, Rachel</t>
  </si>
  <si>
    <t>Ponnapalli, Manasa</t>
  </si>
  <si>
    <t>Hua, Mark</t>
  </si>
  <si>
    <t>Berry, Nichole</t>
  </si>
  <si>
    <t>Degarbo, Gigi</t>
  </si>
  <si>
    <t>Pueblo Central High School</t>
  </si>
  <si>
    <t>Clonts, Cheryl</t>
  </si>
  <si>
    <t>Hunyadi, Tanisha</t>
  </si>
  <si>
    <t>Yoo, Phil</t>
  </si>
  <si>
    <t>Mekelburg, Nikki</t>
  </si>
  <si>
    <t>Fort Collins High School</t>
  </si>
  <si>
    <t>Computer Game &amp; Simulation Programming</t>
  </si>
  <si>
    <t>Anderson, Kaiser / Coffin, Rece / Gueck, Kordell</t>
  </si>
  <si>
    <t>Jensen, Casey / Woodland, Trent</t>
  </si>
  <si>
    <t>Maldonado, Oscar / Schoenthaler, Jacob</t>
  </si>
  <si>
    <t>Born, Stephen / Johnston, Andrew / Lew, Shannon</t>
  </si>
  <si>
    <t>Rayment, Chase</t>
  </si>
  <si>
    <t>Burton, Jerod / Quach, Javis / Mendoza, Preston</t>
  </si>
  <si>
    <t>High Tech Early College</t>
  </si>
  <si>
    <t>Laughlin, Matt / McCarthy, Joseph</t>
  </si>
  <si>
    <t>Quach, Alex / Rose, Darrion</t>
  </si>
  <si>
    <t>Wiegel, Jes</t>
  </si>
  <si>
    <t>Briseno, Neo / Garver, Justin / Jordan, Wyatt</t>
  </si>
  <si>
    <t>Computer Problem Solving</t>
  </si>
  <si>
    <t>Phillips</t>
  </si>
  <si>
    <t>Ginesta</t>
  </si>
  <si>
    <t>Rhoades</t>
  </si>
  <si>
    <t>Constine</t>
  </si>
  <si>
    <t>Cooper</t>
  </si>
  <si>
    <t>Hester</t>
  </si>
  <si>
    <t>Travis</t>
  </si>
  <si>
    <t>Cyber Security</t>
  </si>
  <si>
    <t>Abhi</t>
  </si>
  <si>
    <t>Sharma</t>
  </si>
  <si>
    <t>Rondinelli</t>
  </si>
  <si>
    <t>Haas</t>
  </si>
  <si>
    <t>Baten</t>
  </si>
  <si>
    <t>Swapnika</t>
  </si>
  <si>
    <t>Mallipedi</t>
  </si>
  <si>
    <t>Willson</t>
  </si>
  <si>
    <t>Jack</t>
  </si>
  <si>
    <t>Wood</t>
  </si>
  <si>
    <t>Stephen</t>
  </si>
  <si>
    <t>Covill</t>
  </si>
  <si>
    <t>Mason</t>
  </si>
  <si>
    <t>Lake County High School</t>
  </si>
  <si>
    <t>Database Design &amp; Applications</t>
  </si>
  <si>
    <t>Ong, Shawn</t>
  </si>
  <si>
    <t>Crowther, Marli</t>
  </si>
  <si>
    <t>Faucette, Savanna</t>
  </si>
  <si>
    <t>Sumouske, Julia</t>
  </si>
  <si>
    <t>Wilhelm, Sarah</t>
  </si>
  <si>
    <t>Ponderosa High School</t>
  </si>
  <si>
    <t>Hinds, Mark</t>
  </si>
  <si>
    <t>Von Seggern, Trevor V</t>
  </si>
  <si>
    <t>Desktop Application Programming</t>
  </si>
  <si>
    <t>Neban</t>
  </si>
  <si>
    <t>Eaglecrest High School</t>
  </si>
  <si>
    <t>Desktop Publishing</t>
  </si>
  <si>
    <t>Burnett, Jamie / Johnson, Alexandra</t>
  </si>
  <si>
    <t>Helling, Stephanie / Juhnke, Alexis</t>
  </si>
  <si>
    <t>Hart, Kendra / Steinert, Krista</t>
  </si>
  <si>
    <t>Maldonado, Celeste / Williamson, Maddison</t>
  </si>
  <si>
    <t>Dixon, Dylan / Jensen, Rustin</t>
  </si>
  <si>
    <t>Cussen, Patrick / Hill, Hannah</t>
  </si>
  <si>
    <t>Gerk, Madi / Lempinen, Sierra</t>
  </si>
  <si>
    <t>Kuroda, Natalie / Brandel, Elizabeth</t>
  </si>
  <si>
    <t>Gavrylko, Liliya / Richardson, Michael</t>
  </si>
  <si>
    <t>Montoya, Julia / Zupancic, Giavanna</t>
  </si>
  <si>
    <t>Digital Design &amp; Promotion</t>
  </si>
  <si>
    <t>Herbert, Saige / Lambrecht, Ben</t>
  </si>
  <si>
    <t>Fuchsman, Tessa / Krawiec, Maddie</t>
  </si>
  <si>
    <t>Doherty, Jerome / Montoya, Sofia / Saldivar, Betty</t>
  </si>
  <si>
    <t>Kalin, Tabitha / Salgado, Bethany</t>
  </si>
  <si>
    <t>Chan, Anthony / Sikora, Ben / Worley, Jarrod</t>
  </si>
  <si>
    <t>Aberbrook, Andrew / Carrasco, Joseph / Kissinger, Ryan</t>
  </si>
  <si>
    <t>Brubacher, Kolby / Davis, Clay / Fleshman, Danica</t>
  </si>
  <si>
    <t>Fryrear, Madison / Jones, Zandra / Resendiz, Isabel</t>
  </si>
  <si>
    <t>Burtard, Laci / Kellog, Jenna</t>
  </si>
  <si>
    <t>Keeler, Michaela / Richie, Ashlyn</t>
  </si>
  <si>
    <t>Digital Video Production</t>
  </si>
  <si>
    <t>Begzati, Arjana / Vogel, Eleanor / Vogel, Madisen</t>
  </si>
  <si>
    <t>Lambrecht, Jaedyn / Nelson, Jordan</t>
  </si>
  <si>
    <t>Adu, Paa / Liao, Seh-Kai / Oh, Jeong Minh</t>
  </si>
  <si>
    <t>Personett, Kyle</t>
  </si>
  <si>
    <t>Buchanan, Grace / Klein, Danni / Smith, Sierra</t>
  </si>
  <si>
    <t>Paschke, Jack / Wimer, Kurt</t>
  </si>
  <si>
    <t>Johnson, Savannah / Sepeda, Mercedes</t>
  </si>
  <si>
    <t>Brubacher, Blake / Dowell, Dillon / Jake, Trujillo</t>
  </si>
  <si>
    <t>Wendover, Katie</t>
  </si>
  <si>
    <t>Garcia, Carlos / Logan, Emily / Lopez, David</t>
  </si>
  <si>
    <t>E-Business</t>
  </si>
  <si>
    <t>Copeland, Zac / Keisel, Timmi / Wise, Cole</t>
  </si>
  <si>
    <t>Weingardt, Taylor / Zink, Jenna</t>
  </si>
  <si>
    <t>Jack, Bailey / Kelley, Tel / Martin, Tanner</t>
  </si>
  <si>
    <t>Arora, Nyanika / Kincaid, Maddie</t>
  </si>
  <si>
    <t>Edler, Rachael / Karg, Karah / Morgan, Sami</t>
  </si>
  <si>
    <t>Campbell, Victoria / Kane, Elizabeth</t>
  </si>
  <si>
    <t>Halamicek, Sydney</t>
  </si>
  <si>
    <t>Bogulski, Sethan / Molinar, Kate</t>
  </si>
  <si>
    <t>Atencio, Sol / Landowski, Kaitlyn</t>
  </si>
  <si>
    <t>Fischer, Josie / Leclair, Logan / Perez, Chase</t>
  </si>
  <si>
    <t>Economics</t>
  </si>
  <si>
    <t>Penoyer</t>
  </si>
  <si>
    <t>Marc</t>
  </si>
  <si>
    <t>Gile</t>
  </si>
  <si>
    <t>Boyarko</t>
  </si>
  <si>
    <t>William</t>
  </si>
  <si>
    <t>Gilchrist</t>
  </si>
  <si>
    <t>Iain</t>
  </si>
  <si>
    <t>Morrison</t>
  </si>
  <si>
    <t>Lewis Palmer High School</t>
  </si>
  <si>
    <t>Shamalov</t>
  </si>
  <si>
    <t>Asa</t>
  </si>
  <si>
    <t>Salvatore</t>
  </si>
  <si>
    <t>Electronic Career Portfolio</t>
  </si>
  <si>
    <t>Destinee</t>
  </si>
  <si>
    <t>Vigil</t>
  </si>
  <si>
    <t>Pueblo County High School</t>
  </si>
  <si>
    <t>Adrian</t>
  </si>
  <si>
    <t>Edgar</t>
  </si>
  <si>
    <t>Venetia</t>
  </si>
  <si>
    <t>Ashley</t>
  </si>
  <si>
    <t>Mayer</t>
  </si>
  <si>
    <t>Abby</t>
  </si>
  <si>
    <t>Brich</t>
  </si>
  <si>
    <t>Megann</t>
  </si>
  <si>
    <t>Hadeen</t>
  </si>
  <si>
    <t>Kirsten</t>
  </si>
  <si>
    <t>Faucette</t>
  </si>
  <si>
    <t>Akin</t>
  </si>
  <si>
    <t>Claire</t>
  </si>
  <si>
    <t>Emerging Business Issues</t>
  </si>
  <si>
    <t>Shin, Michael / Stowell, A.J.</t>
  </si>
  <si>
    <t>Jacobs, Schuyler / Mera Evans, Tyco</t>
  </si>
  <si>
    <t>Northglenn High School</t>
  </si>
  <si>
    <t>Gimbel, Michael / Gamboa, Leo</t>
  </si>
  <si>
    <t>Mays, Cole / Nicklahovich, Andrew / Vernon, Matt</t>
  </si>
  <si>
    <t>Bacciarini, Michael / Gauna, Brian / Mueller, Blake</t>
  </si>
  <si>
    <t>Burmester, Ryan / Taylor, Bruce</t>
  </si>
  <si>
    <t>Krantz, Brett / Rodenbaugh, Blake / Shermock, Joseph</t>
  </si>
  <si>
    <t>Jiang, Grace / Lee, Jane</t>
  </si>
  <si>
    <t>Bunker, Hallie / Garner, Chloe</t>
  </si>
  <si>
    <t>Hagemark, Gabby / Perletz, Leah / Wu, Vicky</t>
  </si>
  <si>
    <t>Entrepreneurship</t>
  </si>
  <si>
    <t>Ahrens, Topher / Tan, Patrick / Youngman, Chase</t>
  </si>
  <si>
    <t>Maaliki, Hana / Saffold, Jessica</t>
  </si>
  <si>
    <t>Smoky Hill High School</t>
  </si>
  <si>
    <t>Burt, Paul / Dolzanie, Kevin</t>
  </si>
  <si>
    <t>Gaines, Andy / Jolly, David</t>
  </si>
  <si>
    <t>Dziubasik, Jeremy / Green, Ridge</t>
  </si>
  <si>
    <t>Moore, Megan / Patil, Sanjay</t>
  </si>
  <si>
    <t>Bair, Rachel / Gruben, Mallory</t>
  </si>
  <si>
    <t>Ducey, Robert / Johnson, Trevor / Sparks, Tanner</t>
  </si>
  <si>
    <t>Allen, Janna / Beberard, Karlie</t>
  </si>
  <si>
    <t>Legend High School</t>
  </si>
  <si>
    <t>Bjerke, Mallori / Burns, Morgan / Carnahan-Kuhns, Makailie</t>
  </si>
  <si>
    <t>FBLA Principles &amp; Procedures</t>
  </si>
  <si>
    <t>Steinman</t>
  </si>
  <si>
    <t>Bartolo</t>
  </si>
  <si>
    <t>Colby</t>
  </si>
  <si>
    <t>Duncan</t>
  </si>
  <si>
    <t>Jj</t>
  </si>
  <si>
    <t>Gumber</t>
  </si>
  <si>
    <t>Blackburn</t>
  </si>
  <si>
    <t>Dane</t>
  </si>
  <si>
    <t>Aragon</t>
  </si>
  <si>
    <t>Taryn</t>
  </si>
  <si>
    <t>Coleman</t>
  </si>
  <si>
    <t>Kristen</t>
  </si>
  <si>
    <t>Veliz</t>
  </si>
  <si>
    <t>Future Business Leader</t>
  </si>
  <si>
    <t>Neff</t>
  </si>
  <si>
    <t>Gail</t>
  </si>
  <si>
    <t>Hall</t>
  </si>
  <si>
    <t>Cunis</t>
  </si>
  <si>
    <t>Otero</t>
  </si>
  <si>
    <t>Gina</t>
  </si>
  <si>
    <t>Tolley</t>
  </si>
  <si>
    <t>Jesse</t>
  </si>
  <si>
    <t>Janet</t>
  </si>
  <si>
    <t>Payan</t>
  </si>
  <si>
    <t>Shianne</t>
  </si>
  <si>
    <t>Fraass</t>
  </si>
  <si>
    <t>Haneen</t>
  </si>
  <si>
    <t>Ibrahim</t>
  </si>
  <si>
    <t>Global Business</t>
  </si>
  <si>
    <t>Healy, Lauren / Yurgov, Vasko</t>
  </si>
  <si>
    <t>Granger-Frye, Isabelle / Robins, Helen</t>
  </si>
  <si>
    <t>Pucheril, Nathan / Tripasuri, Devaraj / Wainwright, Joseph</t>
  </si>
  <si>
    <t>Ezeonu, Christian / Fitzgerald, Eryn / Williams, Troy</t>
  </si>
  <si>
    <t>Gupta, Rohit / Ismail, Humza / Ismail, Usama</t>
  </si>
  <si>
    <t>Brown, Neil / Wetherbie, Ryan</t>
  </si>
  <si>
    <t>Bridges, Nick / Flood, Sean / Licht, Scott</t>
  </si>
  <si>
    <t>Palmer Ridge High School</t>
  </si>
  <si>
    <t>Ferry, Jack / Leblanc, Andrew / Rohm, Blake</t>
  </si>
  <si>
    <t>McArdle, Madison / Meadows, Katherine</t>
  </si>
  <si>
    <t>Malwitz, Nickolas / Short, Fletcher</t>
  </si>
  <si>
    <t>Health Care Administration</t>
  </si>
  <si>
    <t>Sydney</t>
  </si>
  <si>
    <t>Carey</t>
  </si>
  <si>
    <t>Katelynn</t>
  </si>
  <si>
    <t>Hindman</t>
  </si>
  <si>
    <t>Richards</t>
  </si>
  <si>
    <t>Bodlak</t>
  </si>
  <si>
    <t>Dove Creek High School</t>
  </si>
  <si>
    <t>Eve</t>
  </si>
  <si>
    <t>Sheets</t>
  </si>
  <si>
    <t>Gabby</t>
  </si>
  <si>
    <t>Giuliano</t>
  </si>
  <si>
    <t>Conner</t>
  </si>
  <si>
    <t>Sabrina</t>
  </si>
  <si>
    <t>Help Desk</t>
  </si>
  <si>
    <t>Reese</t>
  </si>
  <si>
    <t>Watt</t>
  </si>
  <si>
    <t>Noah</t>
  </si>
  <si>
    <t>Gambee</t>
  </si>
  <si>
    <t>Cavanaugh</t>
  </si>
  <si>
    <t>O'Leary</t>
  </si>
  <si>
    <t>Bella</t>
  </si>
  <si>
    <t>Yu</t>
  </si>
  <si>
    <t>Halle</t>
  </si>
  <si>
    <t>Lawnhurst</t>
  </si>
  <si>
    <t>McConnell</t>
  </si>
  <si>
    <t>Lemieux</t>
  </si>
  <si>
    <t>Mandy</t>
  </si>
  <si>
    <t>Columbia</t>
  </si>
  <si>
    <t>Heidi</t>
  </si>
  <si>
    <t>Ardia</t>
  </si>
  <si>
    <t>Hospitality Management</t>
  </si>
  <si>
    <t>Bohan, Lauren / Olson, Francesca</t>
  </si>
  <si>
    <t>Allen, Olivia / Scott, Nicole</t>
  </si>
  <si>
    <t>Fox, Leah / Wimer, Cassie</t>
  </si>
  <si>
    <t>Vu, Lillian / Yun, Chelsea / Tse, William</t>
  </si>
  <si>
    <t>Lake, Conner / MacOy, Matthew</t>
  </si>
  <si>
    <t>Cuizon, Nicole / Popescu, Julia / Vandermeulen, Nikolas</t>
  </si>
  <si>
    <t>Davis, Lindsay / Burwell, James</t>
  </si>
  <si>
    <t>Bustos, Katelyn / Olson, Carlisle</t>
  </si>
  <si>
    <t>Bacon, Hannah / Gutierrez, Jennifer / Swedlund, Payton</t>
  </si>
  <si>
    <t>Gokhale, Raj / Schenecker, Arial / Simpson, Ryan</t>
  </si>
  <si>
    <t>Impromptu Speaking</t>
  </si>
  <si>
    <t>Jain</t>
  </si>
  <si>
    <t>Sean</t>
  </si>
  <si>
    <t>Essek</t>
  </si>
  <si>
    <t>Bell</t>
  </si>
  <si>
    <t>Otto</t>
  </si>
  <si>
    <t>Ebele</t>
  </si>
  <si>
    <t>Grant</t>
  </si>
  <si>
    <t>Saunders</t>
  </si>
  <si>
    <t>Addie</t>
  </si>
  <si>
    <t>MacKenzie</t>
  </si>
  <si>
    <t>Mayo</t>
  </si>
  <si>
    <t>Heiderstadt</t>
  </si>
  <si>
    <t>Manzanola High School</t>
  </si>
  <si>
    <t>Weld Central High School</t>
  </si>
  <si>
    <t>Sara</t>
  </si>
  <si>
    <t>Insurance &amp; Risk Management</t>
  </si>
  <si>
    <t>Gorovoy</t>
  </si>
  <si>
    <t>Douglas</t>
  </si>
  <si>
    <t>Coulter</t>
  </si>
  <si>
    <t>Deric</t>
  </si>
  <si>
    <t>Zack</t>
  </si>
  <si>
    <t>Perry</t>
  </si>
  <si>
    <t>Avery</t>
  </si>
  <si>
    <t>Lux</t>
  </si>
  <si>
    <t>Sofia</t>
  </si>
  <si>
    <t>Springer</t>
  </si>
  <si>
    <t>Theresa</t>
  </si>
  <si>
    <t>Tafoya</t>
  </si>
  <si>
    <t>Diane</t>
  </si>
  <si>
    <t>Kuan</t>
  </si>
  <si>
    <t>Ellie</t>
  </si>
  <si>
    <t>Pebbles</t>
  </si>
  <si>
    <t>Introduction to Business</t>
  </si>
  <si>
    <t>Karlzen</t>
  </si>
  <si>
    <t>Ethan</t>
  </si>
  <si>
    <t>Stansbury</t>
  </si>
  <si>
    <t>Calder</t>
  </si>
  <si>
    <t>Rodriquez</t>
  </si>
  <si>
    <t>Calvin</t>
  </si>
  <si>
    <t>Zumar</t>
  </si>
  <si>
    <t>McKinley</t>
  </si>
  <si>
    <t>Trent</t>
  </si>
  <si>
    <t>Rose</t>
  </si>
  <si>
    <t>Margosian</t>
  </si>
  <si>
    <t>Frankie</t>
  </si>
  <si>
    <t>Henderson</t>
  </si>
  <si>
    <t>Introduction to Business Communication</t>
  </si>
  <si>
    <t>Selene</t>
  </si>
  <si>
    <t>Ortiz</t>
  </si>
  <si>
    <t>Grimes</t>
  </si>
  <si>
    <t>Vahle</t>
  </si>
  <si>
    <t>Natalie</t>
  </si>
  <si>
    <t>Platt</t>
  </si>
  <si>
    <t>Holleman</t>
  </si>
  <si>
    <t>Kiefer</t>
  </si>
  <si>
    <t>Barry</t>
  </si>
  <si>
    <t>Introduction to Information Technology</t>
  </si>
  <si>
    <t>Van Bueren</t>
  </si>
  <si>
    <t>Decker</t>
  </si>
  <si>
    <t>Horiuchi</t>
  </si>
  <si>
    <t>Im</t>
  </si>
  <si>
    <t>McHugh</t>
  </si>
  <si>
    <t>Shaver</t>
  </si>
  <si>
    <t>Evan</t>
  </si>
  <si>
    <t>Coit</t>
  </si>
  <si>
    <t>Seiler</t>
  </si>
  <si>
    <t>Potkanowicz</t>
  </si>
  <si>
    <t>Introduction to Parliamentary Procedure</t>
  </si>
  <si>
    <t>Brittany</t>
  </si>
  <si>
    <t>Fetzer</t>
  </si>
  <si>
    <t>Harper</t>
  </si>
  <si>
    <t>Powell</t>
  </si>
  <si>
    <t>Paugh</t>
  </si>
  <si>
    <t>Anmol</t>
  </si>
  <si>
    <t>Singh</t>
  </si>
  <si>
    <t>Josi</t>
  </si>
  <si>
    <t>Maaliki</t>
  </si>
  <si>
    <t>Michaela</t>
  </si>
  <si>
    <t>Sielaff</t>
  </si>
  <si>
    <t>Keeler</t>
  </si>
  <si>
    <t>Job Interview</t>
  </si>
  <si>
    <t>Zahorik</t>
  </si>
  <si>
    <t>McKenna</t>
  </si>
  <si>
    <t>Zenger</t>
  </si>
  <si>
    <t>Tara</t>
  </si>
  <si>
    <t>Cook</t>
  </si>
  <si>
    <t>Pruett</t>
  </si>
  <si>
    <t>Highland High School</t>
  </si>
  <si>
    <t>Connaughton</t>
  </si>
  <si>
    <t>Steffens</t>
  </si>
  <si>
    <t>Anne</t>
  </si>
  <si>
    <t>Waugh</t>
  </si>
  <si>
    <t>Azimi</t>
  </si>
  <si>
    <t>Krall</t>
  </si>
  <si>
    <t>Isaiah</t>
  </si>
  <si>
    <t>Campbell</t>
  </si>
  <si>
    <t>Local Chapter Annual Business Report</t>
  </si>
  <si>
    <t>Ham, Kaylee / Sumners, Ben / Shafer, Kaitlyn</t>
  </si>
  <si>
    <t>Hekkert, Katelyn / Jones, Zachary</t>
  </si>
  <si>
    <t>Kaatz, Sammy / Lutz, Hannah / Smith, Kaci</t>
  </si>
  <si>
    <t>Bouchier, Christina / Dedo, Karley / King, Jaxon</t>
  </si>
  <si>
    <t>Breidenbach, Jacob / Carey, Cayla / Krier, Brady</t>
  </si>
  <si>
    <t>Mazique, Nadia</t>
  </si>
  <si>
    <t>Reinick, Magnuson</t>
  </si>
  <si>
    <t>Alcorn, Paulyna</t>
  </si>
  <si>
    <t>Del Real, Shelsea / May, Sara / Thompson, Trevor</t>
  </si>
  <si>
    <t>Crowther, Jessica</t>
  </si>
  <si>
    <t>Management Decision Making</t>
  </si>
  <si>
    <t>Jennings, Cynthia / Riley, Chris</t>
  </si>
  <si>
    <t>Chiles, Sarah / Christensen, Nina / Turbidy, Shannon</t>
  </si>
  <si>
    <t>Brown, Mason / Ellis, Zach / McInnis, Ryan</t>
  </si>
  <si>
    <t>Chambless, Hayley / Matsey, James / Schroeder, Ryan</t>
  </si>
  <si>
    <t>Kretsinger, Rylie / Moss, Nate</t>
  </si>
  <si>
    <t>Franz, Paris / Pradeau, Chloe</t>
  </si>
  <si>
    <t>Ferguson, Harry / Fitzgerald, Ryan / Morris, Evan</t>
  </si>
  <si>
    <t>Schmidt, Tyler / Sonnenberg, Cody</t>
  </si>
  <si>
    <t>Defrancia, David / Gardner, Nathan / Olsen, Garrett</t>
  </si>
  <si>
    <t>Archuleta, Genevieve / Quadrel, Patrice</t>
  </si>
  <si>
    <t>Pomona High School</t>
  </si>
  <si>
    <t>Management Information Systems</t>
  </si>
  <si>
    <t>Conklin, Davis / Nadiadi, Arif</t>
  </si>
  <si>
    <t>Esch, Josh / Miller, Austin</t>
  </si>
  <si>
    <t>Keefer, Haden / Miller, Zac / Portillo, Araceli / Walker, Jeremy</t>
  </si>
  <si>
    <t>Doak, Madeline / Foust, Kaitlyn</t>
  </si>
  <si>
    <t>Holle, Emma / Mahoney, Elizabeth / Nunna, Nitya</t>
  </si>
  <si>
    <t>Skay, Will / Stanton, Jake / Sandoval, Donovan</t>
  </si>
  <si>
    <t>Berlinger, Jessica / Stagner, Abbey</t>
  </si>
  <si>
    <t>Krier, Erick / Usry, Corbin</t>
  </si>
  <si>
    <t>Sutliff, Jamie / Williams, Alexis</t>
  </si>
  <si>
    <t>Burns, Wendlin / Maglia, Emily</t>
  </si>
  <si>
    <t>Marketing</t>
  </si>
  <si>
    <t>Boyles, Megan / Suhanyi, Karlee</t>
  </si>
  <si>
    <t>Huang, Jessica / Lutkus, Hillary</t>
  </si>
  <si>
    <t>Ahn, Elvis / Negussie, Mikias / Simanjuntak, Raymond</t>
  </si>
  <si>
    <t>Hopkinson, Haley / Tick, Kelly / Woodrow, Henry</t>
  </si>
  <si>
    <t>Chua, Katie / Gordon, Sarah</t>
  </si>
  <si>
    <t>Huff, Braden / Stroud, Lindsey</t>
  </si>
  <si>
    <t>Briscoe, Dayanaria / Ring, Angelie</t>
  </si>
  <si>
    <t>Poole, Patrick / Swenson, Bri</t>
  </si>
  <si>
    <t>Doub, Ariel / Isaacs, Anne / Miller, Liz</t>
  </si>
  <si>
    <t>McGregor, Camden / Westbrook, Reese</t>
  </si>
  <si>
    <t>Horizon High School</t>
  </si>
  <si>
    <t>Mobile Application Development</t>
  </si>
  <si>
    <t>Alvarez, Jacob / Bouchier, Michael / Park, Charlie</t>
  </si>
  <si>
    <t>Cook, Kristi / Weatherill, Molly</t>
  </si>
  <si>
    <t>Marble, Cameron / Nestor, Trey / Shino, Aris</t>
  </si>
  <si>
    <t>Bui, Melissa</t>
  </si>
  <si>
    <t>Network Design</t>
  </si>
  <si>
    <t>Gibbs, Peter / Smith, Collin</t>
  </si>
  <si>
    <t>Brown, Zack / Perez, Tyler</t>
  </si>
  <si>
    <t>Morrison, Ryan / Coffin, Jessica</t>
  </si>
  <si>
    <t>Kade, Roelle / Mertens, Will / Schendal, Drew</t>
  </si>
  <si>
    <t>Rinaldi, Carter / Schroeder, Tori</t>
  </si>
  <si>
    <t>Etl, Trae / Mann, Keegan / Vandenbark, Alex</t>
  </si>
  <si>
    <t>Nereson, Heather / Webb, Bradon / Wheat, Neylan</t>
  </si>
  <si>
    <t>Quintana, Toni / Trujillo, Noah</t>
  </si>
  <si>
    <t>Networking Concepts</t>
  </si>
  <si>
    <t>Prince</t>
  </si>
  <si>
    <t>Super</t>
  </si>
  <si>
    <t>Poelma</t>
  </si>
  <si>
    <t>Rakk</t>
  </si>
  <si>
    <t>Aj</t>
  </si>
  <si>
    <t>Brandt</t>
  </si>
  <si>
    <t>Javier</t>
  </si>
  <si>
    <t>Fosdick</t>
  </si>
  <si>
    <t>Terrance</t>
  </si>
  <si>
    <t>Stover</t>
  </si>
  <si>
    <t>Blount</t>
  </si>
  <si>
    <t>Parliamentary Procedure</t>
  </si>
  <si>
    <t>Bartel, Ruth / Granzella, Jamie / Petersen, Robyn / Potts, Ashley / Stewart, Dayna</t>
  </si>
  <si>
    <t>Beard, Will / Jabs, Bryce / Mohan, Naathon / Wright, Cooper</t>
  </si>
  <si>
    <t>Doherty, Sean / Gallegos, Ernie / Nittler, Taylor / Yocam, Carlye / Yocam, Montana</t>
  </si>
  <si>
    <t>Flores, Maria / Nguyen, Esther / Nsubuga, Miriam / Serrano, Jason / Tizon, Alex</t>
  </si>
  <si>
    <t>Avellano-Votaw, Olivia / Banfield, Will / Bobbi, Pettit / Gore, Madison</t>
  </si>
  <si>
    <t>Brunette, Kylie / Kothiyal, Pratyush / McCreery, Hugh / Salsbury, Colton / Zabronsky, Arthur</t>
  </si>
  <si>
    <t>Branscomb, Rachael / McCandless, Maggie / Millhollin, Jordan / Webster, Drew</t>
  </si>
  <si>
    <t>D'ambrosio, Nick / Hollenbach, Connor / Nunna, Tanay / Oldenburg, Kayla / Philip, Salome</t>
  </si>
  <si>
    <t>Cain, Taylor / Farrar, Heather / Kolenbrander, Abigail / Tejada, Jonathan / Phillips, Ally</t>
  </si>
  <si>
    <t>Partnership with Business</t>
  </si>
  <si>
    <t>Camblin, Tyler / Herman, Austin / Nelson, Xander</t>
  </si>
  <si>
    <t>Skeels, Cory / Butts, James</t>
  </si>
  <si>
    <t>Frahm, Haley / MacE, Aleigha</t>
  </si>
  <si>
    <t>Bolinger, Austin / Michaelis, Danae / Miller, Aj</t>
  </si>
  <si>
    <t>Crow, Cameron / Fowler, Chance / Parker, Caden</t>
  </si>
  <si>
    <t>Hamacher, Kyler / Thieman, Aaron / Thieman, Matt</t>
  </si>
  <si>
    <t>Avitia, Ana / Klein, Shayla / Suter, Brianna</t>
  </si>
  <si>
    <t>Melvin, Madisyn</t>
  </si>
  <si>
    <t>Araujo, Haiden / Greenwell, Kaden / Schwindt, Zachary</t>
  </si>
  <si>
    <t>Escamilla, Aaron / Hernandez, Vincent / Kramer, Josh</t>
  </si>
  <si>
    <t>Personal Finance</t>
  </si>
  <si>
    <t>Micah</t>
  </si>
  <si>
    <t>Epstein</t>
  </si>
  <si>
    <t>Krier</t>
  </si>
  <si>
    <t>O'Rear</t>
  </si>
  <si>
    <t>Galloway</t>
  </si>
  <si>
    <t>Bandy</t>
  </si>
  <si>
    <t>Cory</t>
  </si>
  <si>
    <t>Jayde</t>
  </si>
  <si>
    <t>Hagerman</t>
  </si>
  <si>
    <t>Aubrey</t>
  </si>
  <si>
    <t>Packard</t>
  </si>
  <si>
    <t>Public Service Announcement</t>
  </si>
  <si>
    <t>Allred, Paris / Hastings, Jessica / Zahorik, Luke</t>
  </si>
  <si>
    <t>Harsch, Tristan / Kowalsky, Matthew</t>
  </si>
  <si>
    <t>Johnson, Savannah</t>
  </si>
  <si>
    <t>Hess, Brooke / Wolff, Rachel</t>
  </si>
  <si>
    <t>Gendelman, Eada / Truth, Amir / Jones, Isaiah</t>
  </si>
  <si>
    <t>Lynch, Devon</t>
  </si>
  <si>
    <t>O'Donnell, Hannah / Payer, Kristin / Thostensen, Alyssa</t>
  </si>
  <si>
    <t>Lane, Reagan / Turner, Fredrick</t>
  </si>
  <si>
    <t>Deluna, Briana</t>
  </si>
  <si>
    <t>Davis, Gracie</t>
  </si>
  <si>
    <t>Public Speaking I</t>
  </si>
  <si>
    <t>Leilani</t>
  </si>
  <si>
    <t>Osmundson</t>
  </si>
  <si>
    <t>Rylie</t>
  </si>
  <si>
    <t>Lewis</t>
  </si>
  <si>
    <t>Marianne</t>
  </si>
  <si>
    <t>Hughes</t>
  </si>
  <si>
    <t>Tristan</t>
  </si>
  <si>
    <t>Naya</t>
  </si>
  <si>
    <t>Bere</t>
  </si>
  <si>
    <t>Shyu</t>
  </si>
  <si>
    <t>Barnett</t>
  </si>
  <si>
    <t>Guthrie</t>
  </si>
  <si>
    <t>Public Speaking II</t>
  </si>
  <si>
    <t>Laury</t>
  </si>
  <si>
    <t>Pierce</t>
  </si>
  <si>
    <t>Brandton</t>
  </si>
  <si>
    <t>Stokely</t>
  </si>
  <si>
    <t>Jaryn</t>
  </si>
  <si>
    <t>Dreher</t>
  </si>
  <si>
    <t>Gee</t>
  </si>
  <si>
    <t>Josh</t>
  </si>
  <si>
    <t>Dovenbarger</t>
  </si>
  <si>
    <t>Layla</t>
  </si>
  <si>
    <t>Shahmohammadi</t>
  </si>
  <si>
    <t>Artemis</t>
  </si>
  <si>
    <t>Katsaris</t>
  </si>
  <si>
    <t>Klinkerman</t>
  </si>
  <si>
    <t>Sports &amp; Entertainment Management</t>
  </si>
  <si>
    <t>Fiscus, Josh / Heller, Corbin</t>
  </si>
  <si>
    <t>Cuntz, William / Gaubatz, Naish / Greenfield, Ryan</t>
  </si>
  <si>
    <t>Brenner, Zach / Middleton, Tucker</t>
  </si>
  <si>
    <t>Schwindt, Tanner / Seyler, Terra</t>
  </si>
  <si>
    <t>Schroer, Joe / Vizurraga, Andres / Wells, Madi</t>
  </si>
  <si>
    <t>Sanchez, Adam / Thompson, Emily</t>
  </si>
  <si>
    <t>Cranson, Trae / Nichols, Jacob / Rosenbrock, Kyle</t>
  </si>
  <si>
    <t>Crawford, Clayton / Lichtenwalter, Trent</t>
  </si>
  <si>
    <t>Roth, Peighton / Traphagan, Tara / Whitehead, Trace</t>
  </si>
  <si>
    <t>Bates, Brennan / Bolin, Chris</t>
  </si>
  <si>
    <t>Spreadsheet Applications</t>
  </si>
  <si>
    <t>Gump, Michael</t>
  </si>
  <si>
    <t>Canty, Chance</t>
  </si>
  <si>
    <t>Eisold, Katie</t>
  </si>
  <si>
    <t>Kasparek, Alex</t>
  </si>
  <si>
    <t>Chatfield Senior High School</t>
  </si>
  <si>
    <t>Mortensen, Tess</t>
  </si>
  <si>
    <t>Chintala, Megan</t>
  </si>
  <si>
    <t>Boerner, Zane</t>
  </si>
  <si>
    <t>Nafziger, Christian</t>
  </si>
  <si>
    <t>Pate, Ethan</t>
  </si>
  <si>
    <t>Mansour, Oula</t>
  </si>
  <si>
    <t>Web Site Design</t>
  </si>
  <si>
    <t>Kim, Daniel / Nalla, Sriram</t>
  </si>
  <si>
    <t>Martindale, John / Yu, Alex</t>
  </si>
  <si>
    <t>Granillo, Selena / Leblanc, Leanna</t>
  </si>
  <si>
    <t>Smith, Zach</t>
  </si>
  <si>
    <t>Hiner, Sara</t>
  </si>
  <si>
    <t>Curlee, Mikenna / Popp, Jacobi / Schumacher, Jodie</t>
  </si>
  <si>
    <t>Soti, Suyog / Spicer, Adam / Yan, Andy</t>
  </si>
  <si>
    <t>Gentry, Mabry</t>
  </si>
  <si>
    <t>Chen, Jessica</t>
  </si>
  <si>
    <t>Nadon, Molly</t>
  </si>
  <si>
    <t>Word Processing</t>
  </si>
  <si>
    <t>Clemmensen, Lacey</t>
  </si>
  <si>
    <t>Powell, Chelsea</t>
  </si>
  <si>
    <t>O'Donnell, Caroline</t>
  </si>
  <si>
    <t>Roth, Kate</t>
  </si>
  <si>
    <t>Peng, Sisi</t>
  </si>
  <si>
    <t>McCracken, Jordan</t>
  </si>
  <si>
    <t>Malvaney, Allie</t>
  </si>
  <si>
    <t>Lira, Sarah</t>
  </si>
  <si>
    <t>Kane, Kayle</t>
  </si>
  <si>
    <t>McCarn, Darian</t>
  </si>
  <si>
    <t>Participant Na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4">
    <xf numFmtId="0" fontId="0" fillId="0" borderId="0" xfId="0"/>
    <xf numFmtId="0" fontId="0" fillId="0" borderId="0" xfId="0" applyAlignment="1"/>
    <xf numFmtId="0" fontId="0" fillId="0" borderId="0" xfId="0" applyFill="1"/>
    <xf numFmtId="0" fontId="16" fillId="0" borderId="0" xfId="0" applyFont="1" applyFill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579"/>
  <sheetViews>
    <sheetView tabSelected="1" workbookViewId="0">
      <selection activeCell="C2" sqref="C2"/>
    </sheetView>
  </sheetViews>
  <sheetFormatPr defaultColWidth="8.85546875" defaultRowHeight="15" x14ac:dyDescent="0.25"/>
  <cols>
    <col min="1" max="1" width="26" style="2" customWidth="1"/>
    <col min="2" max="2" width="75.7109375" style="2" bestFit="1" customWidth="1"/>
    <col min="3" max="3" width="15.28515625" style="2" bestFit="1" customWidth="1"/>
    <col min="4" max="4" width="36.7109375" style="2" bestFit="1" customWidth="1"/>
    <col min="5" max="5" width="5.7109375" style="2" bestFit="1" customWidth="1"/>
    <col min="6" max="16384" width="8.85546875" style="2"/>
  </cols>
  <sheetData>
    <row r="1" spans="1:5" s="3" customFormat="1" x14ac:dyDescent="0.25">
      <c r="A1" s="3" t="s">
        <v>0</v>
      </c>
      <c r="B1" s="3" t="s">
        <v>970</v>
      </c>
      <c r="D1" s="3" t="s">
        <v>2</v>
      </c>
      <c r="E1" s="3" t="s">
        <v>4</v>
      </c>
    </row>
    <row r="2" spans="1:5" x14ac:dyDescent="0.25">
      <c r="A2" s="2" t="s">
        <v>5</v>
      </c>
      <c r="B2" s="2" t="s">
        <v>6</v>
      </c>
      <c r="C2" s="2" t="s">
        <v>7</v>
      </c>
      <c r="D2" s="2" t="s">
        <v>8</v>
      </c>
      <c r="E2" s="2">
        <v>1</v>
      </c>
    </row>
    <row r="3" spans="1:5" x14ac:dyDescent="0.25">
      <c r="A3" s="2" t="s">
        <v>5</v>
      </c>
      <c r="B3" s="2" t="s">
        <v>9</v>
      </c>
      <c r="C3" s="2" t="s">
        <v>10</v>
      </c>
      <c r="D3" s="2" t="s">
        <v>11</v>
      </c>
      <c r="E3" s="2">
        <v>2</v>
      </c>
    </row>
    <row r="4" spans="1:5" x14ac:dyDescent="0.25">
      <c r="A4" s="2" t="s">
        <v>5</v>
      </c>
      <c r="B4" s="2" t="s">
        <v>12</v>
      </c>
      <c r="C4" s="2" t="s">
        <v>13</v>
      </c>
      <c r="D4" s="2" t="s">
        <v>8</v>
      </c>
      <c r="E4" s="2">
        <v>3</v>
      </c>
    </row>
    <row r="5" spans="1:5" x14ac:dyDescent="0.25">
      <c r="A5" s="2" t="s">
        <v>5</v>
      </c>
      <c r="B5" s="2" t="s">
        <v>14</v>
      </c>
      <c r="C5" s="2" t="s">
        <v>15</v>
      </c>
      <c r="D5" s="2" t="s">
        <v>16</v>
      </c>
      <c r="E5" s="2">
        <v>4</v>
      </c>
    </row>
    <row r="6" spans="1:5" x14ac:dyDescent="0.25">
      <c r="A6" s="2" t="s">
        <v>5</v>
      </c>
      <c r="B6" s="2" t="s">
        <v>17</v>
      </c>
      <c r="C6" s="2" t="s">
        <v>18</v>
      </c>
      <c r="D6" s="2" t="s">
        <v>19</v>
      </c>
      <c r="E6" s="2">
        <v>5</v>
      </c>
    </row>
    <row r="7" spans="1:5" x14ac:dyDescent="0.25">
      <c r="A7" s="2" t="s">
        <v>5</v>
      </c>
      <c r="B7" s="2" t="s">
        <v>20</v>
      </c>
      <c r="C7" s="2" t="s">
        <v>21</v>
      </c>
      <c r="D7" s="2" t="s">
        <v>22</v>
      </c>
      <c r="E7" s="2">
        <v>5</v>
      </c>
    </row>
    <row r="8" spans="1:5" x14ac:dyDescent="0.25">
      <c r="A8" s="2" t="s">
        <v>5</v>
      </c>
      <c r="B8" s="2" t="s">
        <v>23</v>
      </c>
      <c r="C8" s="2" t="s">
        <v>24</v>
      </c>
      <c r="D8" s="2" t="s">
        <v>25</v>
      </c>
      <c r="E8" s="2">
        <v>6</v>
      </c>
    </row>
    <row r="9" spans="1:5" x14ac:dyDescent="0.25">
      <c r="A9" s="2" t="s">
        <v>5</v>
      </c>
      <c r="B9" s="2" t="s">
        <v>26</v>
      </c>
      <c r="C9" s="2" t="s">
        <v>27</v>
      </c>
      <c r="D9" s="2" t="s">
        <v>28</v>
      </c>
      <c r="E9" s="2">
        <v>7</v>
      </c>
    </row>
    <row r="10" spans="1:5" x14ac:dyDescent="0.25">
      <c r="A10" s="2" t="s">
        <v>5</v>
      </c>
      <c r="B10" s="2" t="s">
        <v>29</v>
      </c>
      <c r="C10" s="2" t="s">
        <v>30</v>
      </c>
      <c r="D10" s="2" t="s">
        <v>31</v>
      </c>
      <c r="E10" s="2">
        <v>8</v>
      </c>
    </row>
    <row r="11" spans="1:5" x14ac:dyDescent="0.25">
      <c r="A11" s="2" t="s">
        <v>5</v>
      </c>
      <c r="B11" s="2" t="s">
        <v>32</v>
      </c>
      <c r="C11" s="2" t="s">
        <v>33</v>
      </c>
      <c r="D11" s="2" t="s">
        <v>34</v>
      </c>
      <c r="E11" s="2">
        <v>9</v>
      </c>
    </row>
    <row r="12" spans="1:5" x14ac:dyDescent="0.25">
      <c r="A12" s="2" t="s">
        <v>5</v>
      </c>
      <c r="B12" s="2" t="s">
        <v>35</v>
      </c>
      <c r="C12" s="2" t="s">
        <v>36</v>
      </c>
      <c r="D12" s="2" t="s">
        <v>37</v>
      </c>
      <c r="E12" s="2">
        <v>10</v>
      </c>
    </row>
    <row r="13" spans="1:5" x14ac:dyDescent="0.25">
      <c r="A13" s="2" t="s">
        <v>56</v>
      </c>
      <c r="B13" s="2" t="s">
        <v>57</v>
      </c>
      <c r="C13" s="2" t="s">
        <v>58</v>
      </c>
      <c r="D13" s="2" t="s">
        <v>59</v>
      </c>
      <c r="E13" s="2">
        <v>1</v>
      </c>
    </row>
    <row r="14" spans="1:5" x14ac:dyDescent="0.25">
      <c r="A14" s="2" t="s">
        <v>56</v>
      </c>
      <c r="B14" s="2" t="s">
        <v>60</v>
      </c>
      <c r="C14" s="2" t="s">
        <v>61</v>
      </c>
      <c r="D14" s="2" t="s">
        <v>59</v>
      </c>
      <c r="E14" s="2">
        <v>2</v>
      </c>
    </row>
    <row r="15" spans="1:5" x14ac:dyDescent="0.25">
      <c r="A15" s="2" t="s">
        <v>56</v>
      </c>
      <c r="B15" s="2" t="s">
        <v>62</v>
      </c>
      <c r="C15" s="2" t="s">
        <v>63</v>
      </c>
      <c r="D15" s="2" t="s">
        <v>11</v>
      </c>
      <c r="E15" s="2">
        <v>3</v>
      </c>
    </row>
    <row r="16" spans="1:5" x14ac:dyDescent="0.25">
      <c r="A16" s="2" t="s">
        <v>56</v>
      </c>
      <c r="B16" s="2" t="s">
        <v>64</v>
      </c>
      <c r="C16" s="2" t="s">
        <v>65</v>
      </c>
      <c r="D16" s="2" t="s">
        <v>66</v>
      </c>
      <c r="E16" s="2">
        <v>4</v>
      </c>
    </row>
    <row r="17" spans="1:5" x14ac:dyDescent="0.25">
      <c r="A17" s="2" t="s">
        <v>56</v>
      </c>
      <c r="B17" s="2" t="s">
        <v>67</v>
      </c>
      <c r="C17" s="2" t="s">
        <v>68</v>
      </c>
      <c r="D17" s="2" t="s">
        <v>69</v>
      </c>
      <c r="E17" s="2">
        <v>5</v>
      </c>
    </row>
    <row r="18" spans="1:5" x14ac:dyDescent="0.25">
      <c r="A18" s="2" t="s">
        <v>56</v>
      </c>
      <c r="B18" s="2" t="s">
        <v>70</v>
      </c>
      <c r="C18" s="2" t="s">
        <v>71</v>
      </c>
      <c r="D18" s="2" t="s">
        <v>72</v>
      </c>
      <c r="E18" s="2">
        <v>6</v>
      </c>
    </row>
    <row r="19" spans="1:5" x14ac:dyDescent="0.25">
      <c r="A19" s="2" t="s">
        <v>56</v>
      </c>
      <c r="B19" s="2" t="s">
        <v>73</v>
      </c>
      <c r="C19" s="2" t="s">
        <v>74</v>
      </c>
      <c r="D19" s="2" t="s">
        <v>75</v>
      </c>
      <c r="E19" s="2">
        <v>7</v>
      </c>
    </row>
    <row r="20" spans="1:5" x14ac:dyDescent="0.25">
      <c r="A20" s="2" t="s">
        <v>56</v>
      </c>
      <c r="B20" s="2" t="s">
        <v>76</v>
      </c>
      <c r="C20" s="2" t="s">
        <v>77</v>
      </c>
      <c r="D20" s="2" t="s">
        <v>66</v>
      </c>
      <c r="E20" s="2">
        <v>8</v>
      </c>
    </row>
    <row r="21" spans="1:5" x14ac:dyDescent="0.25">
      <c r="A21" s="2" t="s">
        <v>56</v>
      </c>
      <c r="B21" s="2" t="s">
        <v>78</v>
      </c>
      <c r="C21" s="2" t="s">
        <v>79</v>
      </c>
      <c r="D21" s="2" t="s">
        <v>80</v>
      </c>
      <c r="E21" s="2">
        <v>9</v>
      </c>
    </row>
    <row r="22" spans="1:5" x14ac:dyDescent="0.25">
      <c r="A22" s="2" t="s">
        <v>56</v>
      </c>
      <c r="B22" s="2" t="s">
        <v>81</v>
      </c>
      <c r="C22" s="2" t="s">
        <v>82</v>
      </c>
      <c r="D22" s="2" t="s">
        <v>83</v>
      </c>
      <c r="E22" s="2">
        <v>10</v>
      </c>
    </row>
    <row r="23" spans="1:5" x14ac:dyDescent="0.25">
      <c r="A23" s="2" t="s">
        <v>93</v>
      </c>
      <c r="B23" s="2" t="s">
        <v>94</v>
      </c>
      <c r="C23" s="2" t="s">
        <v>95</v>
      </c>
      <c r="D23" s="2" t="s">
        <v>96</v>
      </c>
      <c r="E23" s="2">
        <v>1</v>
      </c>
    </row>
    <row r="24" spans="1:5" x14ac:dyDescent="0.25">
      <c r="A24" s="2" t="s">
        <v>93</v>
      </c>
      <c r="B24" s="2" t="s">
        <v>97</v>
      </c>
      <c r="C24" s="2" t="s">
        <v>98</v>
      </c>
      <c r="D24" s="2" t="s">
        <v>99</v>
      </c>
      <c r="E24" s="2">
        <v>2</v>
      </c>
    </row>
    <row r="25" spans="1:5" x14ac:dyDescent="0.25">
      <c r="A25" s="2" t="s">
        <v>93</v>
      </c>
      <c r="B25" s="2" t="s">
        <v>100</v>
      </c>
      <c r="C25" s="2" t="s">
        <v>101</v>
      </c>
      <c r="D25" s="2" t="s">
        <v>102</v>
      </c>
      <c r="E25" s="2">
        <v>3</v>
      </c>
    </row>
    <row r="26" spans="1:5" x14ac:dyDescent="0.25">
      <c r="A26" s="2" t="s">
        <v>93</v>
      </c>
      <c r="B26" s="2" t="s">
        <v>103</v>
      </c>
      <c r="C26" s="2" t="s">
        <v>104</v>
      </c>
      <c r="D26" s="2" t="s">
        <v>105</v>
      </c>
      <c r="E26" s="2">
        <v>4</v>
      </c>
    </row>
    <row r="27" spans="1:5" x14ac:dyDescent="0.25">
      <c r="A27" s="2" t="s">
        <v>93</v>
      </c>
      <c r="B27" s="2" t="s">
        <v>106</v>
      </c>
      <c r="C27" s="2" t="s">
        <v>107</v>
      </c>
      <c r="D27" s="2" t="s">
        <v>108</v>
      </c>
      <c r="E27" s="2">
        <v>5</v>
      </c>
    </row>
    <row r="28" spans="1:5" x14ac:dyDescent="0.25">
      <c r="A28" s="2" t="s">
        <v>93</v>
      </c>
      <c r="B28" s="2" t="s">
        <v>109</v>
      </c>
      <c r="C28" s="2" t="s">
        <v>110</v>
      </c>
      <c r="D28" s="2" t="s">
        <v>111</v>
      </c>
      <c r="E28" s="2">
        <v>6</v>
      </c>
    </row>
    <row r="29" spans="1:5" x14ac:dyDescent="0.25">
      <c r="A29" s="2" t="s">
        <v>93</v>
      </c>
      <c r="B29" s="2" t="s">
        <v>112</v>
      </c>
      <c r="C29" s="2" t="s">
        <v>113</v>
      </c>
      <c r="D29" s="2" t="s">
        <v>114</v>
      </c>
      <c r="E29" s="2">
        <v>7</v>
      </c>
    </row>
    <row r="30" spans="1:5" x14ac:dyDescent="0.25">
      <c r="A30" s="2" t="s">
        <v>93</v>
      </c>
      <c r="B30" s="2" t="s">
        <v>115</v>
      </c>
      <c r="C30" s="2" t="s">
        <v>116</v>
      </c>
      <c r="D30" s="2" t="s">
        <v>25</v>
      </c>
      <c r="E30" s="2">
        <v>8</v>
      </c>
    </row>
    <row r="31" spans="1:5" x14ac:dyDescent="0.25">
      <c r="A31" s="2" t="s">
        <v>93</v>
      </c>
      <c r="B31" s="2" t="s">
        <v>117</v>
      </c>
      <c r="C31" s="2" t="s">
        <v>15</v>
      </c>
      <c r="D31" s="2" t="s">
        <v>16</v>
      </c>
      <c r="E31" s="2">
        <v>9</v>
      </c>
    </row>
    <row r="32" spans="1:5" x14ac:dyDescent="0.25">
      <c r="A32" s="2" t="s">
        <v>93</v>
      </c>
      <c r="B32" s="2" t="s">
        <v>118</v>
      </c>
      <c r="C32" s="2" t="s">
        <v>119</v>
      </c>
      <c r="D32" s="2" t="s">
        <v>120</v>
      </c>
      <c r="E32" s="2">
        <v>10</v>
      </c>
    </row>
    <row r="33" spans="1:5" x14ac:dyDescent="0.25">
      <c r="A33" s="2" t="s">
        <v>145</v>
      </c>
      <c r="B33" s="2" t="s">
        <v>146</v>
      </c>
      <c r="D33" s="2" t="s">
        <v>114</v>
      </c>
      <c r="E33" s="2">
        <v>1</v>
      </c>
    </row>
    <row r="34" spans="1:5" x14ac:dyDescent="0.25">
      <c r="A34" s="2" t="s">
        <v>145</v>
      </c>
      <c r="B34" s="2" t="s">
        <v>147</v>
      </c>
      <c r="D34" s="2" t="s">
        <v>133</v>
      </c>
      <c r="E34" s="2">
        <v>2</v>
      </c>
    </row>
    <row r="35" spans="1:5" x14ac:dyDescent="0.25">
      <c r="A35" s="2" t="s">
        <v>145</v>
      </c>
      <c r="B35" s="2" t="s">
        <v>148</v>
      </c>
      <c r="D35" s="2" t="s">
        <v>75</v>
      </c>
      <c r="E35" s="2">
        <v>3</v>
      </c>
    </row>
    <row r="36" spans="1:5" x14ac:dyDescent="0.25">
      <c r="A36" s="2" t="s">
        <v>145</v>
      </c>
      <c r="B36" s="2" t="s">
        <v>149</v>
      </c>
      <c r="D36" s="2" t="s">
        <v>54</v>
      </c>
      <c r="E36" s="2">
        <v>4</v>
      </c>
    </row>
    <row r="37" spans="1:5" x14ac:dyDescent="0.25">
      <c r="A37" s="2" t="s">
        <v>145</v>
      </c>
      <c r="B37" s="2" t="s">
        <v>150</v>
      </c>
      <c r="D37" s="2" t="s">
        <v>69</v>
      </c>
      <c r="E37" s="2">
        <v>5</v>
      </c>
    </row>
    <row r="38" spans="1:5" x14ac:dyDescent="0.25">
      <c r="A38" s="2" t="s">
        <v>145</v>
      </c>
      <c r="B38" s="2" t="s">
        <v>151</v>
      </c>
      <c r="D38" s="2" t="s">
        <v>55</v>
      </c>
      <c r="E38" s="2">
        <v>6</v>
      </c>
    </row>
    <row r="39" spans="1:5" x14ac:dyDescent="0.25">
      <c r="A39" s="2" t="s">
        <v>145</v>
      </c>
      <c r="B39" s="2" t="s">
        <v>152</v>
      </c>
      <c r="D39" s="2" t="s">
        <v>89</v>
      </c>
      <c r="E39" s="2">
        <v>7</v>
      </c>
    </row>
    <row r="40" spans="1:5" x14ac:dyDescent="0.25">
      <c r="A40" s="2" t="s">
        <v>145</v>
      </c>
      <c r="B40" s="2" t="s">
        <v>153</v>
      </c>
      <c r="D40" s="2" t="s">
        <v>154</v>
      </c>
      <c r="E40" s="2">
        <v>8</v>
      </c>
    </row>
    <row r="41" spans="1:5" x14ac:dyDescent="0.25">
      <c r="A41" s="2" t="s">
        <v>245</v>
      </c>
      <c r="B41" s="2" t="s">
        <v>246</v>
      </c>
      <c r="D41" s="2" t="s">
        <v>247</v>
      </c>
      <c r="E41" s="2">
        <v>1</v>
      </c>
    </row>
    <row r="42" spans="1:5" x14ac:dyDescent="0.25">
      <c r="A42" s="2" t="s">
        <v>245</v>
      </c>
      <c r="B42" s="2" t="s">
        <v>248</v>
      </c>
      <c r="D42" s="2" t="s">
        <v>123</v>
      </c>
      <c r="E42" s="2">
        <v>2</v>
      </c>
    </row>
    <row r="43" spans="1:5" x14ac:dyDescent="0.25">
      <c r="A43" s="2" t="s">
        <v>245</v>
      </c>
      <c r="B43" s="2" t="s">
        <v>249</v>
      </c>
      <c r="D43" s="2" t="s">
        <v>247</v>
      </c>
      <c r="E43" s="2">
        <v>3</v>
      </c>
    </row>
    <row r="44" spans="1:5" x14ac:dyDescent="0.25">
      <c r="A44" s="2" t="s">
        <v>245</v>
      </c>
      <c r="B44" s="2" t="s">
        <v>250</v>
      </c>
      <c r="D44" s="2" t="s">
        <v>8</v>
      </c>
      <c r="E44" s="2">
        <v>4</v>
      </c>
    </row>
    <row r="45" spans="1:5" x14ac:dyDescent="0.25">
      <c r="A45" s="2" t="s">
        <v>245</v>
      </c>
      <c r="B45" s="2" t="s">
        <v>251</v>
      </c>
      <c r="D45" s="2" t="s">
        <v>87</v>
      </c>
      <c r="E45" s="2">
        <v>5</v>
      </c>
    </row>
    <row r="46" spans="1:5" x14ac:dyDescent="0.25">
      <c r="A46" s="2" t="s">
        <v>245</v>
      </c>
      <c r="B46" s="2" t="s">
        <v>252</v>
      </c>
      <c r="D46" s="2" t="s">
        <v>253</v>
      </c>
      <c r="E46" s="2">
        <v>6</v>
      </c>
    </row>
    <row r="47" spans="1:5" x14ac:dyDescent="0.25">
      <c r="A47" s="2" t="s">
        <v>245</v>
      </c>
      <c r="B47" s="2" t="s">
        <v>254</v>
      </c>
      <c r="D47" s="2" t="s">
        <v>44</v>
      </c>
      <c r="E47" s="2">
        <v>7</v>
      </c>
    </row>
    <row r="48" spans="1:5" x14ac:dyDescent="0.25">
      <c r="A48" s="2" t="s">
        <v>245</v>
      </c>
      <c r="B48" s="2" t="s">
        <v>255</v>
      </c>
      <c r="D48" s="2" t="s">
        <v>11</v>
      </c>
      <c r="E48" s="2">
        <v>8</v>
      </c>
    </row>
    <row r="49" spans="1:5" x14ac:dyDescent="0.25">
      <c r="A49" s="2" t="s">
        <v>245</v>
      </c>
      <c r="B49" s="2" t="s">
        <v>256</v>
      </c>
      <c r="D49" s="2" t="s">
        <v>125</v>
      </c>
      <c r="E49" s="2">
        <v>9</v>
      </c>
    </row>
    <row r="50" spans="1:5" x14ac:dyDescent="0.25">
      <c r="A50" s="2" t="s">
        <v>262</v>
      </c>
      <c r="B50" s="2" t="s">
        <v>100</v>
      </c>
      <c r="C50" s="2" t="s">
        <v>263</v>
      </c>
      <c r="D50" s="2" t="s">
        <v>120</v>
      </c>
      <c r="E50" s="2">
        <v>1</v>
      </c>
    </row>
    <row r="51" spans="1:5" x14ac:dyDescent="0.25">
      <c r="A51" s="2" t="s">
        <v>262</v>
      </c>
      <c r="B51" s="2" t="s">
        <v>264</v>
      </c>
      <c r="C51" s="2" t="s">
        <v>265</v>
      </c>
      <c r="D51" s="2" t="s">
        <v>120</v>
      </c>
      <c r="E51" s="2">
        <v>1</v>
      </c>
    </row>
    <row r="52" spans="1:5" x14ac:dyDescent="0.25">
      <c r="A52" s="2" t="s">
        <v>262</v>
      </c>
      <c r="B52" s="2" t="s">
        <v>172</v>
      </c>
      <c r="C52" s="2" t="s">
        <v>266</v>
      </c>
      <c r="D52" s="2" t="s">
        <v>55</v>
      </c>
      <c r="E52" s="2">
        <v>2</v>
      </c>
    </row>
    <row r="53" spans="1:5" x14ac:dyDescent="0.25">
      <c r="A53" s="2" t="s">
        <v>262</v>
      </c>
      <c r="B53" s="2" t="s">
        <v>156</v>
      </c>
      <c r="C53" s="2" t="s">
        <v>267</v>
      </c>
      <c r="D53" s="2" t="s">
        <v>268</v>
      </c>
      <c r="E53" s="2">
        <v>3</v>
      </c>
    </row>
    <row r="54" spans="1:5" x14ac:dyDescent="0.25">
      <c r="A54" s="2" t="s">
        <v>262</v>
      </c>
      <c r="B54" s="2" t="s">
        <v>269</v>
      </c>
      <c r="C54" s="2" t="s">
        <v>270</v>
      </c>
      <c r="D54" s="2" t="s">
        <v>271</v>
      </c>
      <c r="E54" s="2">
        <v>4</v>
      </c>
    </row>
    <row r="55" spans="1:5" x14ac:dyDescent="0.25">
      <c r="A55" s="2" t="s">
        <v>262</v>
      </c>
      <c r="B55" s="2" t="s">
        <v>64</v>
      </c>
      <c r="C55" s="2" t="s">
        <v>272</v>
      </c>
      <c r="D55" s="2" t="s">
        <v>273</v>
      </c>
      <c r="E55" s="2">
        <v>5</v>
      </c>
    </row>
    <row r="56" spans="1:5" x14ac:dyDescent="0.25">
      <c r="A56" s="2" t="s">
        <v>262</v>
      </c>
      <c r="B56" s="2" t="s">
        <v>274</v>
      </c>
      <c r="C56" s="2" t="s">
        <v>50</v>
      </c>
      <c r="D56" s="2" t="s">
        <v>275</v>
      </c>
      <c r="E56" s="2">
        <v>6</v>
      </c>
    </row>
    <row r="57" spans="1:5" x14ac:dyDescent="0.25">
      <c r="A57" s="2" t="s">
        <v>262</v>
      </c>
      <c r="B57" s="2" t="s">
        <v>12</v>
      </c>
      <c r="C57" s="2" t="s">
        <v>276</v>
      </c>
      <c r="D57" s="2" t="s">
        <v>277</v>
      </c>
      <c r="E57" s="2">
        <v>7</v>
      </c>
    </row>
    <row r="58" spans="1:5" x14ac:dyDescent="0.25">
      <c r="A58" s="2" t="s">
        <v>262</v>
      </c>
      <c r="B58" s="2" t="s">
        <v>278</v>
      </c>
      <c r="C58" s="2" t="s">
        <v>279</v>
      </c>
      <c r="D58" s="2" t="s">
        <v>280</v>
      </c>
      <c r="E58" s="2">
        <v>8</v>
      </c>
    </row>
    <row r="59" spans="1:5" x14ac:dyDescent="0.25">
      <c r="A59" s="2" t="s">
        <v>262</v>
      </c>
      <c r="B59" s="2" t="s">
        <v>159</v>
      </c>
      <c r="C59" s="2" t="s">
        <v>281</v>
      </c>
      <c r="D59" s="2" t="s">
        <v>282</v>
      </c>
      <c r="E59" s="2">
        <v>9</v>
      </c>
    </row>
    <row r="60" spans="1:5" x14ac:dyDescent="0.25">
      <c r="A60" s="2" t="s">
        <v>262</v>
      </c>
      <c r="B60" s="2" t="s">
        <v>283</v>
      </c>
      <c r="C60" s="2" t="s">
        <v>284</v>
      </c>
      <c r="D60" s="2" t="s">
        <v>285</v>
      </c>
      <c r="E60" s="2">
        <v>10</v>
      </c>
    </row>
    <row r="61" spans="1:5" x14ac:dyDescent="0.25">
      <c r="A61" s="2" t="s">
        <v>288</v>
      </c>
      <c r="B61" s="2" t="s">
        <v>289</v>
      </c>
      <c r="C61" s="2" t="s">
        <v>290</v>
      </c>
      <c r="D61" s="2" t="s">
        <v>127</v>
      </c>
      <c r="E61" s="2">
        <v>1</v>
      </c>
    </row>
    <row r="62" spans="1:5" x14ac:dyDescent="0.25">
      <c r="A62" s="2" t="s">
        <v>288</v>
      </c>
      <c r="B62" s="2" t="s">
        <v>291</v>
      </c>
      <c r="C62" s="2" t="s">
        <v>292</v>
      </c>
      <c r="D62" s="2" t="s">
        <v>293</v>
      </c>
      <c r="E62" s="2">
        <v>2</v>
      </c>
    </row>
    <row r="63" spans="1:5" x14ac:dyDescent="0.25">
      <c r="A63" s="2" t="s">
        <v>288</v>
      </c>
      <c r="B63" s="2" t="s">
        <v>294</v>
      </c>
      <c r="C63" s="2" t="s">
        <v>295</v>
      </c>
      <c r="D63" s="2" t="s">
        <v>261</v>
      </c>
      <c r="E63" s="2">
        <v>3</v>
      </c>
    </row>
    <row r="64" spans="1:5" x14ac:dyDescent="0.25">
      <c r="A64" s="2" t="s">
        <v>288</v>
      </c>
      <c r="B64" s="2" t="s">
        <v>296</v>
      </c>
      <c r="C64" s="2" t="s">
        <v>297</v>
      </c>
      <c r="D64" s="2" t="s">
        <v>133</v>
      </c>
      <c r="E64" s="2">
        <v>4</v>
      </c>
    </row>
    <row r="65" spans="1:5" x14ac:dyDescent="0.25">
      <c r="A65" s="2" t="s">
        <v>288</v>
      </c>
      <c r="B65" s="2" t="s">
        <v>179</v>
      </c>
      <c r="C65" s="2" t="s">
        <v>298</v>
      </c>
      <c r="D65" s="2" t="s">
        <v>282</v>
      </c>
      <c r="E65" s="2">
        <v>5</v>
      </c>
    </row>
    <row r="66" spans="1:5" x14ac:dyDescent="0.25">
      <c r="A66" s="2" t="s">
        <v>288</v>
      </c>
      <c r="B66" s="2" t="s">
        <v>181</v>
      </c>
      <c r="C66" s="2" t="s">
        <v>299</v>
      </c>
      <c r="D66" s="2" t="s">
        <v>280</v>
      </c>
      <c r="E66" s="2">
        <v>6</v>
      </c>
    </row>
    <row r="67" spans="1:5" x14ac:dyDescent="0.25">
      <c r="A67" s="2" t="s">
        <v>288</v>
      </c>
      <c r="B67" s="2" t="s">
        <v>135</v>
      </c>
      <c r="C67" s="2" t="s">
        <v>300</v>
      </c>
      <c r="D67" s="2" t="s">
        <v>105</v>
      </c>
      <c r="E67" s="2">
        <v>7</v>
      </c>
    </row>
    <row r="68" spans="1:5" x14ac:dyDescent="0.25">
      <c r="A68" s="2" t="s">
        <v>288</v>
      </c>
      <c r="B68" s="2" t="s">
        <v>301</v>
      </c>
      <c r="C68" s="2" t="s">
        <v>302</v>
      </c>
      <c r="D68" s="2" t="s">
        <v>91</v>
      </c>
      <c r="E68" s="2">
        <v>8</v>
      </c>
    </row>
    <row r="69" spans="1:5" x14ac:dyDescent="0.25">
      <c r="A69" s="2" t="s">
        <v>288</v>
      </c>
      <c r="B69" s="2" t="s">
        <v>303</v>
      </c>
      <c r="C69" s="2" t="s">
        <v>304</v>
      </c>
      <c r="D69" s="2" t="s">
        <v>178</v>
      </c>
      <c r="E69" s="2">
        <v>9</v>
      </c>
    </row>
    <row r="70" spans="1:5" x14ac:dyDescent="0.25">
      <c r="A70" s="2" t="s">
        <v>288</v>
      </c>
      <c r="B70" s="2" t="s">
        <v>195</v>
      </c>
      <c r="C70" s="2" t="s">
        <v>196</v>
      </c>
      <c r="D70" s="2" t="s">
        <v>114</v>
      </c>
      <c r="E70" s="2">
        <v>10</v>
      </c>
    </row>
    <row r="71" spans="1:5" x14ac:dyDescent="0.25">
      <c r="A71" s="2" t="s">
        <v>308</v>
      </c>
      <c r="B71" s="2" t="s">
        <v>309</v>
      </c>
      <c r="D71" s="2" t="s">
        <v>127</v>
      </c>
      <c r="E71" s="2">
        <v>1</v>
      </c>
    </row>
    <row r="72" spans="1:5" x14ac:dyDescent="0.25">
      <c r="A72" s="2" t="s">
        <v>308</v>
      </c>
      <c r="B72" s="2" t="s">
        <v>310</v>
      </c>
      <c r="D72" s="2" t="s">
        <v>69</v>
      </c>
      <c r="E72" s="2">
        <v>2</v>
      </c>
    </row>
    <row r="73" spans="1:5" x14ac:dyDescent="0.25">
      <c r="A73" s="2" t="s">
        <v>308</v>
      </c>
      <c r="B73" s="2" t="s">
        <v>311</v>
      </c>
      <c r="D73" s="2" t="s">
        <v>126</v>
      </c>
      <c r="E73" s="2">
        <v>3</v>
      </c>
    </row>
    <row r="74" spans="1:5" x14ac:dyDescent="0.25">
      <c r="A74" s="2" t="s">
        <v>308</v>
      </c>
      <c r="B74" s="2" t="s">
        <v>312</v>
      </c>
      <c r="D74" s="2" t="s">
        <v>228</v>
      </c>
      <c r="E74" s="2">
        <v>4</v>
      </c>
    </row>
    <row r="75" spans="1:5" x14ac:dyDescent="0.25">
      <c r="A75" s="2" t="s">
        <v>308</v>
      </c>
      <c r="B75" s="2" t="s">
        <v>313</v>
      </c>
      <c r="D75" s="2" t="s">
        <v>8</v>
      </c>
      <c r="E75" s="2">
        <v>5</v>
      </c>
    </row>
    <row r="76" spans="1:5" x14ac:dyDescent="0.25">
      <c r="A76" s="2" t="s">
        <v>308</v>
      </c>
      <c r="B76" s="2" t="s">
        <v>314</v>
      </c>
      <c r="D76" s="2" t="s">
        <v>114</v>
      </c>
      <c r="E76" s="2">
        <v>6</v>
      </c>
    </row>
    <row r="77" spans="1:5" x14ac:dyDescent="0.25">
      <c r="A77" s="2" t="s">
        <v>308</v>
      </c>
      <c r="B77" s="2" t="s">
        <v>315</v>
      </c>
      <c r="D77" s="2" t="s">
        <v>22</v>
      </c>
      <c r="E77" s="2">
        <v>7</v>
      </c>
    </row>
    <row r="78" spans="1:5" x14ac:dyDescent="0.25">
      <c r="A78" s="2" t="s">
        <v>308</v>
      </c>
      <c r="B78" s="2" t="s">
        <v>316</v>
      </c>
      <c r="D78" s="2" t="s">
        <v>277</v>
      </c>
      <c r="E78" s="2">
        <v>8</v>
      </c>
    </row>
    <row r="79" spans="1:5" x14ac:dyDescent="0.25">
      <c r="A79" s="2" t="s">
        <v>308</v>
      </c>
      <c r="B79" s="2" t="s">
        <v>317</v>
      </c>
      <c r="D79" s="2" t="s">
        <v>48</v>
      </c>
      <c r="E79" s="2">
        <v>9</v>
      </c>
    </row>
    <row r="80" spans="1:5" x14ac:dyDescent="0.25">
      <c r="A80" s="2" t="s">
        <v>308</v>
      </c>
      <c r="B80" s="2" t="s">
        <v>318</v>
      </c>
      <c r="D80" s="2" t="s">
        <v>51</v>
      </c>
      <c r="E80" s="2">
        <v>10</v>
      </c>
    </row>
    <row r="81" spans="1:5" x14ac:dyDescent="0.25">
      <c r="A81" s="2" t="s">
        <v>323</v>
      </c>
      <c r="B81" s="2" t="s">
        <v>324</v>
      </c>
      <c r="D81" s="2" t="s">
        <v>8</v>
      </c>
      <c r="E81" s="2">
        <v>1</v>
      </c>
    </row>
    <row r="82" spans="1:5" x14ac:dyDescent="0.25">
      <c r="A82" s="2" t="s">
        <v>323</v>
      </c>
      <c r="B82" s="2" t="s">
        <v>325</v>
      </c>
      <c r="D82" s="2" t="s">
        <v>53</v>
      </c>
      <c r="E82" s="2">
        <v>2</v>
      </c>
    </row>
    <row r="83" spans="1:5" x14ac:dyDescent="0.25">
      <c r="A83" s="2" t="s">
        <v>323</v>
      </c>
      <c r="B83" s="2" t="s">
        <v>326</v>
      </c>
      <c r="D83" s="2" t="s">
        <v>114</v>
      </c>
      <c r="E83" s="2">
        <v>3</v>
      </c>
    </row>
    <row r="84" spans="1:5" x14ac:dyDescent="0.25">
      <c r="A84" s="2" t="s">
        <v>323</v>
      </c>
      <c r="B84" s="2" t="s">
        <v>327</v>
      </c>
      <c r="D84" s="2" t="s">
        <v>22</v>
      </c>
      <c r="E84" s="2">
        <v>4</v>
      </c>
    </row>
    <row r="85" spans="1:5" x14ac:dyDescent="0.25">
      <c r="A85" s="2" t="s">
        <v>323</v>
      </c>
      <c r="B85" s="2" t="s">
        <v>328</v>
      </c>
      <c r="D85" s="2" t="s">
        <v>87</v>
      </c>
      <c r="E85" s="2">
        <v>5</v>
      </c>
    </row>
    <row r="86" spans="1:5" x14ac:dyDescent="0.25">
      <c r="A86" s="2" t="s">
        <v>323</v>
      </c>
      <c r="B86" s="2" t="s">
        <v>329</v>
      </c>
      <c r="D86" s="2" t="s">
        <v>114</v>
      </c>
      <c r="E86" s="2">
        <v>6</v>
      </c>
    </row>
    <row r="87" spans="1:5" x14ac:dyDescent="0.25">
      <c r="A87" s="2" t="s">
        <v>323</v>
      </c>
      <c r="B87" s="2" t="s">
        <v>330</v>
      </c>
      <c r="D87" s="2" t="s">
        <v>305</v>
      </c>
      <c r="E87" s="2">
        <v>7</v>
      </c>
    </row>
    <row r="88" spans="1:5" x14ac:dyDescent="0.25">
      <c r="A88" s="2" t="s">
        <v>323</v>
      </c>
      <c r="B88" s="2" t="s">
        <v>331</v>
      </c>
      <c r="D88" s="2" t="s">
        <v>114</v>
      </c>
      <c r="E88" s="2">
        <v>8</v>
      </c>
    </row>
    <row r="89" spans="1:5" x14ac:dyDescent="0.25">
      <c r="A89" s="2" t="s">
        <v>323</v>
      </c>
      <c r="B89" s="2" t="s">
        <v>332</v>
      </c>
      <c r="D89" s="2" t="s">
        <v>138</v>
      </c>
      <c r="E89" s="2">
        <v>9</v>
      </c>
    </row>
    <row r="90" spans="1:5" x14ac:dyDescent="0.25">
      <c r="A90" s="2" t="s">
        <v>323</v>
      </c>
      <c r="B90" s="2" t="s">
        <v>333</v>
      </c>
      <c r="D90" s="2" t="s">
        <v>305</v>
      </c>
      <c r="E90" s="2">
        <v>10</v>
      </c>
    </row>
    <row r="91" spans="1:5" x14ac:dyDescent="0.25">
      <c r="A91" s="2" t="s">
        <v>335</v>
      </c>
      <c r="B91" s="2" t="s">
        <v>336</v>
      </c>
      <c r="C91" s="2" t="s">
        <v>337</v>
      </c>
      <c r="D91" s="2" t="s">
        <v>87</v>
      </c>
      <c r="E91" s="2">
        <v>1</v>
      </c>
    </row>
    <row r="92" spans="1:5" x14ac:dyDescent="0.25">
      <c r="A92" s="2" t="s">
        <v>335</v>
      </c>
      <c r="B92" s="2" t="s">
        <v>179</v>
      </c>
      <c r="C92" s="2" t="s">
        <v>338</v>
      </c>
      <c r="D92" s="2" t="s">
        <v>120</v>
      </c>
      <c r="E92" s="2">
        <v>2</v>
      </c>
    </row>
    <row r="93" spans="1:5" x14ac:dyDescent="0.25">
      <c r="A93" s="2" t="s">
        <v>335</v>
      </c>
      <c r="B93" s="2" t="s">
        <v>339</v>
      </c>
      <c r="C93" s="2" t="s">
        <v>340</v>
      </c>
      <c r="D93" s="2" t="s">
        <v>341</v>
      </c>
      <c r="E93" s="2">
        <v>3</v>
      </c>
    </row>
    <row r="94" spans="1:5" x14ac:dyDescent="0.25">
      <c r="A94" s="2" t="s">
        <v>335</v>
      </c>
      <c r="B94" s="2" t="s">
        <v>81</v>
      </c>
      <c r="C94" s="2" t="s">
        <v>342</v>
      </c>
      <c r="D94" s="2" t="s">
        <v>343</v>
      </c>
      <c r="E94" s="2">
        <v>4</v>
      </c>
    </row>
    <row r="95" spans="1:5" x14ac:dyDescent="0.25">
      <c r="A95" s="2" t="s">
        <v>335</v>
      </c>
      <c r="B95" s="2" t="s">
        <v>106</v>
      </c>
      <c r="C95" s="2" t="s">
        <v>344</v>
      </c>
      <c r="D95" s="2" t="s">
        <v>8</v>
      </c>
      <c r="E95" s="2">
        <v>5</v>
      </c>
    </row>
    <row r="96" spans="1:5" x14ac:dyDescent="0.25">
      <c r="A96" s="2" t="s">
        <v>335</v>
      </c>
      <c r="B96" s="2" t="s">
        <v>39</v>
      </c>
      <c r="C96" s="2" t="s">
        <v>345</v>
      </c>
      <c r="D96" s="2" t="s">
        <v>53</v>
      </c>
      <c r="E96" s="2">
        <v>6</v>
      </c>
    </row>
    <row r="97" spans="1:5" x14ac:dyDescent="0.25">
      <c r="A97" s="2" t="s">
        <v>335</v>
      </c>
      <c r="B97" s="2" t="s">
        <v>229</v>
      </c>
      <c r="C97" s="2" t="s">
        <v>346</v>
      </c>
      <c r="D97" s="2" t="s">
        <v>282</v>
      </c>
      <c r="E97" s="2">
        <v>7</v>
      </c>
    </row>
    <row r="98" spans="1:5" x14ac:dyDescent="0.25">
      <c r="A98" s="2" t="s">
        <v>335</v>
      </c>
      <c r="B98" s="2" t="s">
        <v>164</v>
      </c>
      <c r="C98" s="2" t="s">
        <v>347</v>
      </c>
      <c r="D98" s="2" t="s">
        <v>114</v>
      </c>
      <c r="E98" s="2">
        <v>8</v>
      </c>
    </row>
    <row r="99" spans="1:5" x14ac:dyDescent="0.25">
      <c r="A99" s="2" t="s">
        <v>335</v>
      </c>
      <c r="B99" s="2" t="s">
        <v>348</v>
      </c>
      <c r="C99" s="2" t="s">
        <v>349</v>
      </c>
      <c r="D99" s="2" t="s">
        <v>43</v>
      </c>
      <c r="E99" s="2">
        <v>9</v>
      </c>
    </row>
    <row r="100" spans="1:5" x14ac:dyDescent="0.25">
      <c r="A100" s="2" t="s">
        <v>335</v>
      </c>
      <c r="B100" s="2" t="s">
        <v>350</v>
      </c>
      <c r="C100" s="2" t="s">
        <v>351</v>
      </c>
      <c r="D100" s="2" t="s">
        <v>253</v>
      </c>
      <c r="E100" s="2">
        <v>10</v>
      </c>
    </row>
    <row r="101" spans="1:5" x14ac:dyDescent="0.25">
      <c r="A101" s="2" t="s">
        <v>355</v>
      </c>
      <c r="B101" s="2" t="s">
        <v>183</v>
      </c>
      <c r="C101" s="2" t="s">
        <v>287</v>
      </c>
      <c r="D101" s="2" t="s">
        <v>126</v>
      </c>
      <c r="E101" s="2">
        <v>1</v>
      </c>
    </row>
    <row r="102" spans="1:5" x14ac:dyDescent="0.25">
      <c r="A102" s="2" t="s">
        <v>355</v>
      </c>
      <c r="B102" s="2" t="s">
        <v>356</v>
      </c>
      <c r="C102" s="2" t="s">
        <v>357</v>
      </c>
      <c r="D102" s="2" t="s">
        <v>277</v>
      </c>
      <c r="E102" s="2">
        <v>2</v>
      </c>
    </row>
    <row r="103" spans="1:5" x14ac:dyDescent="0.25">
      <c r="A103" s="2" t="s">
        <v>355</v>
      </c>
      <c r="B103" s="2" t="s">
        <v>358</v>
      </c>
      <c r="C103" s="2" t="s">
        <v>359</v>
      </c>
      <c r="D103" s="2" t="s">
        <v>204</v>
      </c>
      <c r="E103" s="2">
        <v>3</v>
      </c>
    </row>
    <row r="104" spans="1:5" x14ac:dyDescent="0.25">
      <c r="A104" s="2" t="s">
        <v>355</v>
      </c>
      <c r="B104" s="2" t="s">
        <v>106</v>
      </c>
      <c r="C104" s="2" t="s">
        <v>360</v>
      </c>
      <c r="D104" s="2" t="s">
        <v>126</v>
      </c>
      <c r="E104" s="2">
        <v>4</v>
      </c>
    </row>
    <row r="105" spans="1:5" x14ac:dyDescent="0.25">
      <c r="A105" s="2" t="s">
        <v>355</v>
      </c>
      <c r="B105" s="2" t="s">
        <v>218</v>
      </c>
      <c r="C105" s="2" t="s">
        <v>361</v>
      </c>
      <c r="D105" s="2" t="s">
        <v>19</v>
      </c>
      <c r="E105" s="2">
        <v>5</v>
      </c>
    </row>
    <row r="106" spans="1:5" x14ac:dyDescent="0.25">
      <c r="A106" s="2" t="s">
        <v>355</v>
      </c>
      <c r="B106" s="2" t="s">
        <v>362</v>
      </c>
      <c r="C106" s="2" t="s">
        <v>363</v>
      </c>
      <c r="D106" s="2" t="s">
        <v>247</v>
      </c>
      <c r="E106" s="2">
        <v>6</v>
      </c>
    </row>
    <row r="107" spans="1:5" x14ac:dyDescent="0.25">
      <c r="A107" s="2" t="s">
        <v>355</v>
      </c>
      <c r="B107" s="2" t="s">
        <v>286</v>
      </c>
      <c r="C107" s="2" t="s">
        <v>364</v>
      </c>
      <c r="D107" s="2" t="s">
        <v>87</v>
      </c>
      <c r="E107" s="2">
        <v>7</v>
      </c>
    </row>
    <row r="108" spans="1:5" x14ac:dyDescent="0.25">
      <c r="A108" s="2" t="s">
        <v>355</v>
      </c>
      <c r="B108" s="2" t="s">
        <v>365</v>
      </c>
      <c r="C108" s="2" t="s">
        <v>122</v>
      </c>
      <c r="D108" s="2" t="s">
        <v>273</v>
      </c>
      <c r="E108" s="2">
        <v>8</v>
      </c>
    </row>
    <row r="109" spans="1:5" x14ac:dyDescent="0.25">
      <c r="A109" s="2" t="s">
        <v>355</v>
      </c>
      <c r="B109" s="2" t="s">
        <v>366</v>
      </c>
      <c r="C109" s="2" t="s">
        <v>128</v>
      </c>
      <c r="D109" s="2" t="s">
        <v>127</v>
      </c>
      <c r="E109" s="2">
        <v>9</v>
      </c>
    </row>
    <row r="110" spans="1:5" x14ac:dyDescent="0.25">
      <c r="A110" s="2" t="s">
        <v>355</v>
      </c>
      <c r="B110" s="2" t="s">
        <v>88</v>
      </c>
      <c r="C110" s="2" t="s">
        <v>367</v>
      </c>
      <c r="D110" s="2" t="s">
        <v>55</v>
      </c>
      <c r="E110" s="2">
        <v>10</v>
      </c>
    </row>
    <row r="111" spans="1:5" x14ac:dyDescent="0.25">
      <c r="A111" s="2" t="s">
        <v>373</v>
      </c>
      <c r="B111" s="2" t="s">
        <v>374</v>
      </c>
      <c r="D111" s="2" t="s">
        <v>87</v>
      </c>
      <c r="E111" s="2">
        <v>1</v>
      </c>
    </row>
    <row r="112" spans="1:5" x14ac:dyDescent="0.25">
      <c r="A112" s="2" t="s">
        <v>373</v>
      </c>
      <c r="B112" s="2" t="s">
        <v>375</v>
      </c>
      <c r="D112" s="2" t="s">
        <v>111</v>
      </c>
      <c r="E112" s="2">
        <v>2</v>
      </c>
    </row>
    <row r="113" spans="1:5" x14ac:dyDescent="0.25">
      <c r="A113" s="2" t="s">
        <v>373</v>
      </c>
      <c r="B113" s="2" t="s">
        <v>376</v>
      </c>
      <c r="D113" s="2" t="s">
        <v>114</v>
      </c>
      <c r="E113" s="2">
        <v>3</v>
      </c>
    </row>
    <row r="114" spans="1:5" x14ac:dyDescent="0.25">
      <c r="A114" s="2" t="s">
        <v>373</v>
      </c>
      <c r="B114" s="2" t="s">
        <v>377</v>
      </c>
      <c r="D114" s="2" t="s">
        <v>53</v>
      </c>
      <c r="E114" s="2">
        <v>4</v>
      </c>
    </row>
    <row r="115" spans="1:5" x14ac:dyDescent="0.25">
      <c r="A115" s="2" t="s">
        <v>373</v>
      </c>
      <c r="B115" s="2" t="s">
        <v>378</v>
      </c>
      <c r="D115" s="2" t="s">
        <v>84</v>
      </c>
      <c r="E115" s="2">
        <v>5</v>
      </c>
    </row>
    <row r="116" spans="1:5" x14ac:dyDescent="0.25">
      <c r="A116" s="2" t="s">
        <v>373</v>
      </c>
      <c r="B116" s="2" t="s">
        <v>379</v>
      </c>
      <c r="D116" s="2" t="s">
        <v>53</v>
      </c>
      <c r="E116" s="2">
        <v>6</v>
      </c>
    </row>
    <row r="117" spans="1:5" x14ac:dyDescent="0.25">
      <c r="A117" s="2" t="s">
        <v>373</v>
      </c>
      <c r="B117" s="2" t="s">
        <v>380</v>
      </c>
      <c r="D117" s="2" t="s">
        <v>114</v>
      </c>
      <c r="E117" s="2">
        <v>7</v>
      </c>
    </row>
    <row r="118" spans="1:5" x14ac:dyDescent="0.25">
      <c r="A118" s="2" t="s">
        <v>373</v>
      </c>
      <c r="B118" s="2" t="s">
        <v>381</v>
      </c>
      <c r="D118" s="2" t="s">
        <v>114</v>
      </c>
      <c r="E118" s="2">
        <v>8</v>
      </c>
    </row>
    <row r="119" spans="1:5" x14ac:dyDescent="0.25">
      <c r="A119" s="2" t="s">
        <v>373</v>
      </c>
      <c r="B119" s="2" t="s">
        <v>382</v>
      </c>
      <c r="D119" s="2" t="s">
        <v>19</v>
      </c>
      <c r="E119" s="2">
        <v>9</v>
      </c>
    </row>
    <row r="120" spans="1:5" x14ac:dyDescent="0.25">
      <c r="A120" s="2" t="s">
        <v>373</v>
      </c>
      <c r="B120" s="2" t="s">
        <v>383</v>
      </c>
      <c r="D120" s="2" t="s">
        <v>204</v>
      </c>
      <c r="E120" s="2">
        <v>10</v>
      </c>
    </row>
    <row r="121" spans="1:5" x14ac:dyDescent="0.25">
      <c r="A121" s="2" t="s">
        <v>387</v>
      </c>
      <c r="B121" s="2" t="s">
        <v>388</v>
      </c>
      <c r="D121" s="2" t="s">
        <v>105</v>
      </c>
      <c r="E121" s="2">
        <v>1</v>
      </c>
    </row>
    <row r="122" spans="1:5" x14ac:dyDescent="0.25">
      <c r="A122" s="2" t="s">
        <v>387</v>
      </c>
      <c r="B122" s="2" t="s">
        <v>389</v>
      </c>
      <c r="D122" s="2" t="s">
        <v>40</v>
      </c>
      <c r="E122" s="2">
        <v>2</v>
      </c>
    </row>
    <row r="123" spans="1:5" x14ac:dyDescent="0.25">
      <c r="A123" s="2" t="s">
        <v>387</v>
      </c>
      <c r="B123" s="2" t="s">
        <v>390</v>
      </c>
      <c r="D123" s="2" t="s">
        <v>28</v>
      </c>
      <c r="E123" s="2">
        <v>3</v>
      </c>
    </row>
    <row r="124" spans="1:5" x14ac:dyDescent="0.25">
      <c r="A124" s="2" t="s">
        <v>387</v>
      </c>
      <c r="B124" s="2" t="s">
        <v>391</v>
      </c>
      <c r="D124" s="2" t="s">
        <v>178</v>
      </c>
      <c r="E124" s="2">
        <v>4</v>
      </c>
    </row>
    <row r="125" spans="1:5" x14ac:dyDescent="0.25">
      <c r="A125" s="2" t="s">
        <v>387</v>
      </c>
      <c r="B125" s="2" t="s">
        <v>392</v>
      </c>
      <c r="D125" s="2" t="s">
        <v>393</v>
      </c>
      <c r="E125" s="2">
        <v>5</v>
      </c>
    </row>
    <row r="126" spans="1:5" x14ac:dyDescent="0.25">
      <c r="A126" s="2" t="s">
        <v>387</v>
      </c>
      <c r="B126" s="2" t="s">
        <v>394</v>
      </c>
      <c r="D126" s="2" t="s">
        <v>171</v>
      </c>
      <c r="E126" s="2">
        <v>6</v>
      </c>
    </row>
    <row r="127" spans="1:5" x14ac:dyDescent="0.25">
      <c r="A127" s="2" t="s">
        <v>387</v>
      </c>
      <c r="B127" s="2" t="s">
        <v>395</v>
      </c>
      <c r="D127" s="2" t="s">
        <v>393</v>
      </c>
      <c r="E127" s="2">
        <v>7</v>
      </c>
    </row>
    <row r="128" spans="1:5" x14ac:dyDescent="0.25">
      <c r="A128" s="2" t="s">
        <v>387</v>
      </c>
      <c r="B128" s="2" t="s">
        <v>396</v>
      </c>
      <c r="D128" s="2" t="s">
        <v>87</v>
      </c>
      <c r="E128" s="2">
        <v>8</v>
      </c>
    </row>
    <row r="129" spans="1:5" x14ac:dyDescent="0.25">
      <c r="A129" s="2" t="s">
        <v>387</v>
      </c>
      <c r="B129" s="2" t="s">
        <v>397</v>
      </c>
      <c r="D129" s="2" t="s">
        <v>209</v>
      </c>
      <c r="E129" s="2">
        <v>9</v>
      </c>
    </row>
    <row r="130" spans="1:5" x14ac:dyDescent="0.25">
      <c r="A130" s="2" t="s">
        <v>387</v>
      </c>
      <c r="B130" s="2" t="s">
        <v>398</v>
      </c>
      <c r="D130" s="2" t="s">
        <v>127</v>
      </c>
      <c r="E130" s="2">
        <v>10</v>
      </c>
    </row>
    <row r="131" spans="1:5" x14ac:dyDescent="0.25">
      <c r="A131" s="2" t="s">
        <v>401</v>
      </c>
      <c r="B131" s="2" t="s">
        <v>402</v>
      </c>
      <c r="C131" s="2" t="s">
        <v>403</v>
      </c>
      <c r="D131" s="2" t="s">
        <v>43</v>
      </c>
      <c r="E131" s="2">
        <v>1</v>
      </c>
    </row>
    <row r="132" spans="1:5" x14ac:dyDescent="0.25">
      <c r="A132" s="2" t="s">
        <v>401</v>
      </c>
      <c r="B132" s="2" t="s">
        <v>404</v>
      </c>
      <c r="C132" s="2" t="s">
        <v>405</v>
      </c>
      <c r="D132" s="2" t="s">
        <v>171</v>
      </c>
      <c r="E132" s="2">
        <v>2</v>
      </c>
    </row>
    <row r="133" spans="1:5" x14ac:dyDescent="0.25">
      <c r="A133" s="2" t="s">
        <v>401</v>
      </c>
      <c r="B133" s="2" t="s">
        <v>406</v>
      </c>
      <c r="C133" s="2" t="s">
        <v>407</v>
      </c>
      <c r="D133" s="2" t="s">
        <v>408</v>
      </c>
      <c r="E133" s="2">
        <v>3</v>
      </c>
    </row>
    <row r="134" spans="1:5" x14ac:dyDescent="0.25">
      <c r="A134" s="2" t="s">
        <v>401</v>
      </c>
      <c r="B134" s="2" t="s">
        <v>409</v>
      </c>
      <c r="C134" s="2" t="s">
        <v>212</v>
      </c>
      <c r="D134" s="2" t="s">
        <v>11</v>
      </c>
      <c r="E134" s="2">
        <v>4</v>
      </c>
    </row>
    <row r="135" spans="1:5" x14ac:dyDescent="0.25">
      <c r="A135" s="2" t="s">
        <v>401</v>
      </c>
      <c r="B135" s="2" t="s">
        <v>410</v>
      </c>
      <c r="C135" s="2" t="s">
        <v>411</v>
      </c>
      <c r="D135" s="2" t="s">
        <v>127</v>
      </c>
      <c r="E135" s="2">
        <v>5</v>
      </c>
    </row>
    <row r="136" spans="1:5" x14ac:dyDescent="0.25">
      <c r="A136" s="2" t="s">
        <v>401</v>
      </c>
      <c r="B136" s="2" t="s">
        <v>412</v>
      </c>
      <c r="C136" s="2" t="s">
        <v>413</v>
      </c>
      <c r="D136" s="2" t="s">
        <v>282</v>
      </c>
      <c r="E136" s="2">
        <v>6</v>
      </c>
    </row>
    <row r="137" spans="1:5" x14ac:dyDescent="0.25">
      <c r="A137" s="2" t="s">
        <v>401</v>
      </c>
      <c r="B137" s="2" t="s">
        <v>186</v>
      </c>
      <c r="C137" s="2" t="s">
        <v>244</v>
      </c>
      <c r="D137" s="2" t="s">
        <v>165</v>
      </c>
      <c r="E137" s="2">
        <v>7</v>
      </c>
    </row>
    <row r="138" spans="1:5" x14ac:dyDescent="0.25">
      <c r="A138" s="2" t="s">
        <v>401</v>
      </c>
      <c r="B138" s="2" t="s">
        <v>190</v>
      </c>
      <c r="C138" s="2" t="s">
        <v>414</v>
      </c>
      <c r="D138" s="2" t="s">
        <v>133</v>
      </c>
      <c r="E138" s="2">
        <v>8</v>
      </c>
    </row>
    <row r="139" spans="1:5" x14ac:dyDescent="0.25">
      <c r="A139" s="2" t="s">
        <v>401</v>
      </c>
      <c r="B139" s="2" t="s">
        <v>188</v>
      </c>
      <c r="C139" s="2" t="s">
        <v>189</v>
      </c>
      <c r="D139" s="2" t="s">
        <v>89</v>
      </c>
      <c r="E139" s="2">
        <v>9</v>
      </c>
    </row>
    <row r="140" spans="1:5" x14ac:dyDescent="0.25">
      <c r="A140" s="2" t="s">
        <v>401</v>
      </c>
      <c r="B140" s="2" t="s">
        <v>190</v>
      </c>
      <c r="C140" s="2" t="s">
        <v>191</v>
      </c>
      <c r="D140" s="2" t="s">
        <v>89</v>
      </c>
      <c r="E140" s="2">
        <v>10</v>
      </c>
    </row>
    <row r="141" spans="1:5" x14ac:dyDescent="0.25">
      <c r="A141" s="2" t="s">
        <v>417</v>
      </c>
      <c r="B141" s="2" t="s">
        <v>214</v>
      </c>
      <c r="C141" s="2" t="s">
        <v>418</v>
      </c>
      <c r="D141" s="2" t="s">
        <v>125</v>
      </c>
      <c r="E141" s="2">
        <v>1</v>
      </c>
    </row>
    <row r="142" spans="1:5" x14ac:dyDescent="0.25">
      <c r="A142" s="2" t="s">
        <v>417</v>
      </c>
      <c r="B142" s="2" t="s">
        <v>230</v>
      </c>
      <c r="C142" s="2" t="s">
        <v>419</v>
      </c>
      <c r="D142" s="2" t="s">
        <v>44</v>
      </c>
      <c r="E142" s="2">
        <v>2</v>
      </c>
    </row>
    <row r="143" spans="1:5" x14ac:dyDescent="0.25">
      <c r="A143" s="2" t="s">
        <v>417</v>
      </c>
      <c r="B143" s="2" t="s">
        <v>420</v>
      </c>
      <c r="C143" s="2" t="s">
        <v>421</v>
      </c>
      <c r="D143" s="2" t="s">
        <v>273</v>
      </c>
      <c r="E143" s="2">
        <v>3</v>
      </c>
    </row>
    <row r="144" spans="1:5" x14ac:dyDescent="0.25">
      <c r="A144" s="2" t="s">
        <v>417</v>
      </c>
      <c r="B144" s="2" t="s">
        <v>176</v>
      </c>
      <c r="C144" s="2" t="s">
        <v>177</v>
      </c>
      <c r="D144" s="2" t="s">
        <v>178</v>
      </c>
      <c r="E144" s="2">
        <v>4</v>
      </c>
    </row>
    <row r="145" spans="1:5" x14ac:dyDescent="0.25">
      <c r="A145" s="2" t="s">
        <v>417</v>
      </c>
      <c r="B145" s="2" t="s">
        <v>219</v>
      </c>
      <c r="C145" s="2" t="s">
        <v>422</v>
      </c>
      <c r="D145" s="2" t="s">
        <v>386</v>
      </c>
      <c r="E145" s="2">
        <v>5</v>
      </c>
    </row>
    <row r="146" spans="1:5" x14ac:dyDescent="0.25">
      <c r="A146" s="2" t="s">
        <v>417</v>
      </c>
      <c r="B146" s="2" t="s">
        <v>237</v>
      </c>
      <c r="C146" s="2" t="s">
        <v>238</v>
      </c>
      <c r="D146" s="2" t="s">
        <v>157</v>
      </c>
      <c r="E146" s="2">
        <v>6</v>
      </c>
    </row>
    <row r="147" spans="1:5" x14ac:dyDescent="0.25">
      <c r="A147" s="2" t="s">
        <v>417</v>
      </c>
      <c r="B147" s="2" t="s">
        <v>215</v>
      </c>
      <c r="C147" s="2" t="s">
        <v>423</v>
      </c>
      <c r="D147" s="2" t="s">
        <v>321</v>
      </c>
      <c r="E147" s="2">
        <v>7</v>
      </c>
    </row>
    <row r="148" spans="1:5" x14ac:dyDescent="0.25">
      <c r="A148" s="2" t="s">
        <v>417</v>
      </c>
      <c r="B148" s="2" t="s">
        <v>424</v>
      </c>
      <c r="C148" s="2" t="s">
        <v>235</v>
      </c>
      <c r="D148" s="2" t="s">
        <v>55</v>
      </c>
      <c r="E148" s="2">
        <v>8</v>
      </c>
    </row>
    <row r="149" spans="1:5" x14ac:dyDescent="0.25">
      <c r="A149" s="2" t="s">
        <v>417</v>
      </c>
      <c r="B149" s="2" t="s">
        <v>425</v>
      </c>
      <c r="C149" s="2" t="s">
        <v>426</v>
      </c>
      <c r="D149" s="2" t="s">
        <v>334</v>
      </c>
      <c r="E149" s="2">
        <v>9</v>
      </c>
    </row>
    <row r="150" spans="1:5" x14ac:dyDescent="0.25">
      <c r="A150" s="2" t="s">
        <v>417</v>
      </c>
      <c r="B150" s="2" t="s">
        <v>39</v>
      </c>
      <c r="C150" s="2" t="s">
        <v>427</v>
      </c>
      <c r="D150" s="2" t="s">
        <v>133</v>
      </c>
      <c r="E150" s="2">
        <v>10</v>
      </c>
    </row>
    <row r="151" spans="1:5" x14ac:dyDescent="0.25">
      <c r="A151" s="2" t="s">
        <v>430</v>
      </c>
      <c r="B151" s="2" t="s">
        <v>431</v>
      </c>
      <c r="D151" s="2" t="s">
        <v>114</v>
      </c>
      <c r="E151" s="2">
        <v>1</v>
      </c>
    </row>
    <row r="152" spans="1:5" x14ac:dyDescent="0.25">
      <c r="A152" s="2" t="s">
        <v>430</v>
      </c>
      <c r="B152" s="2" t="s">
        <v>432</v>
      </c>
      <c r="D152" s="2" t="s">
        <v>111</v>
      </c>
      <c r="E152" s="2">
        <v>2</v>
      </c>
    </row>
    <row r="153" spans="1:5" x14ac:dyDescent="0.25">
      <c r="A153" s="2" t="s">
        <v>430</v>
      </c>
      <c r="B153" s="2" t="s">
        <v>433</v>
      </c>
      <c r="D153" s="2" t="s">
        <v>141</v>
      </c>
      <c r="E153" s="2">
        <v>3</v>
      </c>
    </row>
    <row r="154" spans="1:5" x14ac:dyDescent="0.25">
      <c r="A154" s="2" t="s">
        <v>430</v>
      </c>
      <c r="B154" s="2" t="s">
        <v>434</v>
      </c>
      <c r="D154" s="2" t="s">
        <v>54</v>
      </c>
      <c r="E154" s="2">
        <v>4</v>
      </c>
    </row>
    <row r="155" spans="1:5" x14ac:dyDescent="0.25">
      <c r="A155" s="2" t="s">
        <v>430</v>
      </c>
      <c r="B155" s="2" t="s">
        <v>435</v>
      </c>
      <c r="D155" s="2" t="s">
        <v>25</v>
      </c>
      <c r="E155" s="2">
        <v>5</v>
      </c>
    </row>
    <row r="156" spans="1:5" x14ac:dyDescent="0.25">
      <c r="A156" s="2" t="s">
        <v>430</v>
      </c>
      <c r="B156" s="2" t="s">
        <v>436</v>
      </c>
      <c r="D156" s="2" t="s">
        <v>437</v>
      </c>
      <c r="E156" s="2">
        <v>6</v>
      </c>
    </row>
    <row r="157" spans="1:5" x14ac:dyDescent="0.25">
      <c r="A157" s="2" t="s">
        <v>430</v>
      </c>
      <c r="B157" s="2" t="s">
        <v>438</v>
      </c>
      <c r="D157" s="2" t="s">
        <v>354</v>
      </c>
      <c r="E157" s="2">
        <v>7</v>
      </c>
    </row>
    <row r="158" spans="1:5" x14ac:dyDescent="0.25">
      <c r="A158" s="2" t="s">
        <v>430</v>
      </c>
      <c r="B158" s="2" t="s">
        <v>439</v>
      </c>
      <c r="D158" s="2" t="s">
        <v>320</v>
      </c>
      <c r="E158" s="2">
        <v>8</v>
      </c>
    </row>
    <row r="159" spans="1:5" x14ac:dyDescent="0.25">
      <c r="A159" s="2" t="s">
        <v>430</v>
      </c>
      <c r="B159" s="2" t="s">
        <v>440</v>
      </c>
      <c r="D159" s="2" t="s">
        <v>131</v>
      </c>
      <c r="E159" s="2">
        <v>9</v>
      </c>
    </row>
    <row r="160" spans="1:5" x14ac:dyDescent="0.25">
      <c r="A160" s="2" t="s">
        <v>430</v>
      </c>
      <c r="B160" s="2" t="s">
        <v>441</v>
      </c>
      <c r="D160" s="2" t="s">
        <v>353</v>
      </c>
      <c r="E160" s="2">
        <v>10</v>
      </c>
    </row>
    <row r="161" spans="1:5" x14ac:dyDescent="0.25">
      <c r="A161" s="2" t="s">
        <v>442</v>
      </c>
      <c r="B161" s="2" t="s">
        <v>443</v>
      </c>
      <c r="D161" s="2" t="s">
        <v>386</v>
      </c>
      <c r="E161" s="2">
        <v>1</v>
      </c>
    </row>
    <row r="162" spans="1:5" x14ac:dyDescent="0.25">
      <c r="A162" s="2" t="s">
        <v>442</v>
      </c>
      <c r="B162" s="2" t="s">
        <v>444</v>
      </c>
      <c r="D162" s="2" t="s">
        <v>282</v>
      </c>
      <c r="E162" s="2">
        <v>2</v>
      </c>
    </row>
    <row r="163" spans="1:5" x14ac:dyDescent="0.25">
      <c r="A163" s="2" t="s">
        <v>442</v>
      </c>
      <c r="B163" s="2" t="s">
        <v>445</v>
      </c>
      <c r="D163" s="2" t="s">
        <v>171</v>
      </c>
      <c r="E163" s="2">
        <v>3</v>
      </c>
    </row>
    <row r="164" spans="1:5" x14ac:dyDescent="0.25">
      <c r="A164" s="2" t="s">
        <v>442</v>
      </c>
      <c r="B164" s="2" t="s">
        <v>446</v>
      </c>
      <c r="D164" s="2" t="s">
        <v>138</v>
      </c>
      <c r="E164" s="2">
        <v>4</v>
      </c>
    </row>
    <row r="165" spans="1:5" x14ac:dyDescent="0.25">
      <c r="A165" s="2" t="s">
        <v>442</v>
      </c>
      <c r="B165" s="2" t="s">
        <v>447</v>
      </c>
      <c r="D165" s="2" t="s">
        <v>386</v>
      </c>
      <c r="E165" s="2">
        <v>5</v>
      </c>
    </row>
    <row r="166" spans="1:5" x14ac:dyDescent="0.25">
      <c r="A166" s="2" t="s">
        <v>442</v>
      </c>
      <c r="B166" s="2" t="s">
        <v>448</v>
      </c>
      <c r="D166" s="2" t="s">
        <v>449</v>
      </c>
      <c r="E166" s="2">
        <v>6</v>
      </c>
    </row>
    <row r="167" spans="1:5" x14ac:dyDescent="0.25">
      <c r="A167" s="2" t="s">
        <v>442</v>
      </c>
      <c r="B167" s="2" t="s">
        <v>450</v>
      </c>
      <c r="D167" s="2" t="s">
        <v>111</v>
      </c>
      <c r="E167" s="2">
        <v>7</v>
      </c>
    </row>
    <row r="168" spans="1:5" x14ac:dyDescent="0.25">
      <c r="A168" s="2" t="s">
        <v>442</v>
      </c>
      <c r="B168" s="2" t="s">
        <v>451</v>
      </c>
      <c r="D168" s="2" t="s">
        <v>321</v>
      </c>
      <c r="E168" s="2">
        <v>8</v>
      </c>
    </row>
    <row r="169" spans="1:5" x14ac:dyDescent="0.25">
      <c r="A169" s="2" t="s">
        <v>442</v>
      </c>
      <c r="B169" s="2" t="s">
        <v>452</v>
      </c>
      <c r="D169" s="2" t="s">
        <v>28</v>
      </c>
      <c r="E169" s="2">
        <v>9</v>
      </c>
    </row>
    <row r="170" spans="1:5" x14ac:dyDescent="0.25">
      <c r="A170" s="2" t="s">
        <v>442</v>
      </c>
      <c r="B170" s="2" t="s">
        <v>453</v>
      </c>
      <c r="D170" s="2" t="s">
        <v>334</v>
      </c>
      <c r="E170" s="2">
        <v>10</v>
      </c>
    </row>
    <row r="171" spans="1:5" x14ac:dyDescent="0.25">
      <c r="A171" s="2" t="s">
        <v>455</v>
      </c>
      <c r="B171" s="2" t="s">
        <v>456</v>
      </c>
      <c r="D171" s="2" t="s">
        <v>114</v>
      </c>
      <c r="E171" s="2">
        <v>1</v>
      </c>
    </row>
    <row r="172" spans="1:5" x14ac:dyDescent="0.25">
      <c r="A172" s="2" t="s">
        <v>455</v>
      </c>
      <c r="B172" s="2" t="s">
        <v>457</v>
      </c>
      <c r="D172" s="2" t="s">
        <v>368</v>
      </c>
      <c r="E172" s="2">
        <v>2</v>
      </c>
    </row>
    <row r="173" spans="1:5" x14ac:dyDescent="0.25">
      <c r="A173" s="2" t="s">
        <v>455</v>
      </c>
      <c r="B173" s="2" t="s">
        <v>458</v>
      </c>
      <c r="D173" s="2" t="s">
        <v>437</v>
      </c>
      <c r="E173" s="2">
        <v>3</v>
      </c>
    </row>
    <row r="174" spans="1:5" x14ac:dyDescent="0.25">
      <c r="A174" s="2" t="s">
        <v>455</v>
      </c>
      <c r="B174" s="2" t="s">
        <v>459</v>
      </c>
      <c r="D174" s="2" t="s">
        <v>282</v>
      </c>
      <c r="E174" s="2">
        <v>4</v>
      </c>
    </row>
    <row r="175" spans="1:5" x14ac:dyDescent="0.25">
      <c r="A175" s="2" t="s">
        <v>455</v>
      </c>
      <c r="B175" s="2" t="s">
        <v>460</v>
      </c>
      <c r="D175" s="2" t="s">
        <v>108</v>
      </c>
      <c r="E175" s="2">
        <v>5</v>
      </c>
    </row>
    <row r="176" spans="1:5" x14ac:dyDescent="0.25">
      <c r="A176" s="2" t="s">
        <v>455</v>
      </c>
      <c r="B176" s="2" t="s">
        <v>461</v>
      </c>
      <c r="D176" s="2" t="s">
        <v>462</v>
      </c>
      <c r="E176" s="2">
        <v>6</v>
      </c>
    </row>
    <row r="177" spans="1:5" x14ac:dyDescent="0.25">
      <c r="A177" s="2" t="s">
        <v>455</v>
      </c>
      <c r="B177" s="2" t="s">
        <v>463</v>
      </c>
      <c r="D177" s="2" t="s">
        <v>353</v>
      </c>
      <c r="E177" s="2">
        <v>7</v>
      </c>
    </row>
    <row r="178" spans="1:5" x14ac:dyDescent="0.25">
      <c r="A178" s="2" t="s">
        <v>455</v>
      </c>
      <c r="B178" s="2" t="s">
        <v>464</v>
      </c>
      <c r="D178" s="2" t="s">
        <v>462</v>
      </c>
      <c r="E178" s="2">
        <v>8</v>
      </c>
    </row>
    <row r="179" spans="1:5" x14ac:dyDescent="0.25">
      <c r="A179" s="2" t="s">
        <v>455</v>
      </c>
      <c r="B179" s="2" t="s">
        <v>465</v>
      </c>
      <c r="D179" s="2" t="s">
        <v>86</v>
      </c>
      <c r="E179" s="2">
        <v>9</v>
      </c>
    </row>
    <row r="180" spans="1:5" x14ac:dyDescent="0.25">
      <c r="A180" s="2" t="s">
        <v>455</v>
      </c>
      <c r="B180" s="2" t="s">
        <v>466</v>
      </c>
      <c r="D180" s="2" t="s">
        <v>275</v>
      </c>
      <c r="E180" s="2">
        <v>10</v>
      </c>
    </row>
    <row r="181" spans="1:5" x14ac:dyDescent="0.25">
      <c r="A181" s="2" t="s">
        <v>467</v>
      </c>
      <c r="B181" s="2" t="s">
        <v>109</v>
      </c>
      <c r="C181" s="2" t="s">
        <v>468</v>
      </c>
      <c r="D181" s="2" t="s">
        <v>280</v>
      </c>
      <c r="E181" s="2">
        <v>1</v>
      </c>
    </row>
    <row r="182" spans="1:5" x14ac:dyDescent="0.25">
      <c r="A182" s="2" t="s">
        <v>467</v>
      </c>
      <c r="B182" s="2" t="s">
        <v>369</v>
      </c>
      <c r="C182" s="2" t="s">
        <v>429</v>
      </c>
      <c r="D182" s="2" t="s">
        <v>123</v>
      </c>
      <c r="E182" s="2">
        <v>2</v>
      </c>
    </row>
    <row r="183" spans="1:5" x14ac:dyDescent="0.25">
      <c r="A183" s="2" t="s">
        <v>467</v>
      </c>
      <c r="B183" s="2" t="s">
        <v>158</v>
      </c>
      <c r="C183" s="2" t="s">
        <v>21</v>
      </c>
      <c r="D183" s="2" t="s">
        <v>22</v>
      </c>
      <c r="E183" s="2">
        <v>3</v>
      </c>
    </row>
    <row r="184" spans="1:5" x14ac:dyDescent="0.25">
      <c r="A184" s="2" t="s">
        <v>467</v>
      </c>
      <c r="B184" s="2" t="s">
        <v>181</v>
      </c>
      <c r="C184" s="2" t="s">
        <v>469</v>
      </c>
      <c r="D184" s="2" t="s">
        <v>322</v>
      </c>
      <c r="E184" s="2">
        <v>4</v>
      </c>
    </row>
    <row r="185" spans="1:5" x14ac:dyDescent="0.25">
      <c r="A185" s="2" t="s">
        <v>467</v>
      </c>
      <c r="B185" s="2" t="s">
        <v>90</v>
      </c>
      <c r="C185" s="2" t="s">
        <v>470</v>
      </c>
      <c r="D185" s="2" t="s">
        <v>322</v>
      </c>
      <c r="E185" s="2">
        <v>5</v>
      </c>
    </row>
    <row r="186" spans="1:5" x14ac:dyDescent="0.25">
      <c r="A186" s="2" t="s">
        <v>467</v>
      </c>
      <c r="B186" s="2" t="s">
        <v>182</v>
      </c>
      <c r="C186" s="2" t="s">
        <v>300</v>
      </c>
      <c r="D186" s="2" t="s">
        <v>66</v>
      </c>
      <c r="E186" s="2">
        <v>6</v>
      </c>
    </row>
    <row r="187" spans="1:5" x14ac:dyDescent="0.25">
      <c r="A187" s="2" t="s">
        <v>467</v>
      </c>
      <c r="B187" s="2" t="s">
        <v>12</v>
      </c>
      <c r="C187" s="2" t="s">
        <v>185</v>
      </c>
      <c r="D187" s="2" t="s">
        <v>86</v>
      </c>
      <c r="E187" s="2">
        <v>7</v>
      </c>
    </row>
    <row r="188" spans="1:5" x14ac:dyDescent="0.25">
      <c r="A188" s="2" t="s">
        <v>467</v>
      </c>
      <c r="B188" s="2" t="s">
        <v>140</v>
      </c>
      <c r="C188" s="2" t="s">
        <v>471</v>
      </c>
      <c r="D188" s="2" t="s">
        <v>293</v>
      </c>
      <c r="E188" s="2">
        <v>8</v>
      </c>
    </row>
    <row r="189" spans="1:5" x14ac:dyDescent="0.25">
      <c r="A189" s="2" t="s">
        <v>467</v>
      </c>
      <c r="B189" s="2" t="s">
        <v>160</v>
      </c>
      <c r="C189" s="2" t="s">
        <v>472</v>
      </c>
      <c r="D189" s="2" t="s">
        <v>31</v>
      </c>
      <c r="E189" s="2">
        <v>9</v>
      </c>
    </row>
    <row r="190" spans="1:5" x14ac:dyDescent="0.25">
      <c r="A190" s="2" t="s">
        <v>467</v>
      </c>
      <c r="B190" s="2" t="s">
        <v>197</v>
      </c>
      <c r="C190" s="2" t="s">
        <v>473</v>
      </c>
      <c r="D190" s="2" t="s">
        <v>171</v>
      </c>
      <c r="E190" s="2">
        <v>10</v>
      </c>
    </row>
    <row r="191" spans="1:5" x14ac:dyDescent="0.25">
      <c r="A191" s="2" t="s">
        <v>475</v>
      </c>
      <c r="B191" s="2" t="s">
        <v>476</v>
      </c>
      <c r="C191" s="2" t="s">
        <v>477</v>
      </c>
      <c r="D191" s="2" t="s">
        <v>8</v>
      </c>
      <c r="E191" s="2">
        <v>1</v>
      </c>
    </row>
    <row r="192" spans="1:5" x14ac:dyDescent="0.25">
      <c r="A192" s="2" t="s">
        <v>475</v>
      </c>
      <c r="B192" s="2" t="s">
        <v>135</v>
      </c>
      <c r="C192" s="2" t="s">
        <v>478</v>
      </c>
      <c r="D192" s="2" t="s">
        <v>399</v>
      </c>
      <c r="E192" s="2">
        <v>2</v>
      </c>
    </row>
    <row r="193" spans="1:5" x14ac:dyDescent="0.25">
      <c r="A193" s="2" t="s">
        <v>475</v>
      </c>
      <c r="B193" s="2" t="s">
        <v>199</v>
      </c>
      <c r="C193" s="2" t="s">
        <v>479</v>
      </c>
      <c r="D193" s="2" t="s">
        <v>385</v>
      </c>
      <c r="E193" s="2">
        <v>3</v>
      </c>
    </row>
    <row r="194" spans="1:5" x14ac:dyDescent="0.25">
      <c r="A194" s="2" t="s">
        <v>475</v>
      </c>
      <c r="B194" s="2" t="s">
        <v>214</v>
      </c>
      <c r="C194" s="2" t="s">
        <v>480</v>
      </c>
      <c r="D194" s="2" t="s">
        <v>280</v>
      </c>
      <c r="E194" s="2">
        <v>4</v>
      </c>
    </row>
    <row r="195" spans="1:5" x14ac:dyDescent="0.25">
      <c r="A195" s="2" t="s">
        <v>475</v>
      </c>
      <c r="B195" s="2" t="s">
        <v>481</v>
      </c>
      <c r="C195" s="2" t="s">
        <v>482</v>
      </c>
      <c r="D195" s="2" t="s">
        <v>352</v>
      </c>
      <c r="E195" s="2">
        <v>5</v>
      </c>
    </row>
    <row r="196" spans="1:5" x14ac:dyDescent="0.25">
      <c r="A196" s="2" t="s">
        <v>475</v>
      </c>
      <c r="B196" s="2" t="s">
        <v>52</v>
      </c>
      <c r="C196" s="2" t="s">
        <v>483</v>
      </c>
      <c r="D196" s="2" t="s">
        <v>273</v>
      </c>
      <c r="E196" s="2">
        <v>6</v>
      </c>
    </row>
    <row r="197" spans="1:5" x14ac:dyDescent="0.25">
      <c r="A197" s="2" t="s">
        <v>475</v>
      </c>
      <c r="B197" s="2" t="s">
        <v>484</v>
      </c>
      <c r="C197" s="2" t="s">
        <v>187</v>
      </c>
      <c r="D197" s="2" t="s">
        <v>120</v>
      </c>
      <c r="E197" s="2">
        <v>7</v>
      </c>
    </row>
    <row r="198" spans="1:5" x14ac:dyDescent="0.25">
      <c r="A198" s="2" t="s">
        <v>475</v>
      </c>
      <c r="B198" s="2" t="s">
        <v>38</v>
      </c>
      <c r="C198" s="2" t="s">
        <v>485</v>
      </c>
      <c r="D198" s="2" t="s">
        <v>108</v>
      </c>
      <c r="E198" s="2">
        <v>8</v>
      </c>
    </row>
    <row r="199" spans="1:5" x14ac:dyDescent="0.25">
      <c r="A199" s="2" t="s">
        <v>475</v>
      </c>
      <c r="B199" s="2" t="s">
        <v>214</v>
      </c>
      <c r="C199" s="2" t="s">
        <v>416</v>
      </c>
      <c r="D199" s="2" t="s">
        <v>44</v>
      </c>
      <c r="E199" s="2">
        <v>9</v>
      </c>
    </row>
    <row r="200" spans="1:5" x14ac:dyDescent="0.25">
      <c r="A200" s="2" t="s">
        <v>475</v>
      </c>
      <c r="B200" s="2" t="s">
        <v>486</v>
      </c>
      <c r="C200" s="2" t="s">
        <v>487</v>
      </c>
      <c r="D200" s="2" t="s">
        <v>114</v>
      </c>
      <c r="E200" s="2">
        <v>10</v>
      </c>
    </row>
    <row r="201" spans="1:5" x14ac:dyDescent="0.25">
      <c r="A201" s="2" t="s">
        <v>490</v>
      </c>
      <c r="B201" s="2" t="s">
        <v>491</v>
      </c>
      <c r="D201" s="2" t="s">
        <v>268</v>
      </c>
      <c r="E201" s="2">
        <v>1</v>
      </c>
    </row>
    <row r="202" spans="1:5" x14ac:dyDescent="0.25">
      <c r="A202" s="2" t="s">
        <v>490</v>
      </c>
      <c r="B202" s="2" t="s">
        <v>492</v>
      </c>
      <c r="D202" s="2" t="s">
        <v>305</v>
      </c>
      <c r="E202" s="2">
        <v>2</v>
      </c>
    </row>
    <row r="203" spans="1:5" x14ac:dyDescent="0.25">
      <c r="A203" s="2" t="s">
        <v>490</v>
      </c>
      <c r="B203" s="2" t="s">
        <v>493</v>
      </c>
      <c r="D203" s="2" t="s">
        <v>305</v>
      </c>
      <c r="E203" s="2">
        <v>3</v>
      </c>
    </row>
    <row r="204" spans="1:5" x14ac:dyDescent="0.25">
      <c r="A204" s="2" t="s">
        <v>490</v>
      </c>
      <c r="B204" s="2" t="s">
        <v>494</v>
      </c>
      <c r="D204" s="2" t="s">
        <v>321</v>
      </c>
      <c r="E204" s="2">
        <v>4</v>
      </c>
    </row>
    <row r="205" spans="1:5" x14ac:dyDescent="0.25">
      <c r="A205" s="2" t="s">
        <v>490</v>
      </c>
      <c r="B205" s="2" t="s">
        <v>495</v>
      </c>
      <c r="D205" s="2" t="s">
        <v>496</v>
      </c>
      <c r="E205" s="2">
        <v>5</v>
      </c>
    </row>
    <row r="206" spans="1:5" x14ac:dyDescent="0.25">
      <c r="A206" s="2" t="s">
        <v>490</v>
      </c>
      <c r="B206" s="2" t="s">
        <v>497</v>
      </c>
      <c r="D206" s="2" t="s">
        <v>171</v>
      </c>
      <c r="E206" s="2">
        <v>6</v>
      </c>
    </row>
    <row r="207" spans="1:5" x14ac:dyDescent="0.25">
      <c r="A207" s="2" t="s">
        <v>490</v>
      </c>
      <c r="B207" s="2" t="s">
        <v>498</v>
      </c>
      <c r="D207" s="2" t="s">
        <v>108</v>
      </c>
      <c r="E207" s="2">
        <v>7</v>
      </c>
    </row>
    <row r="208" spans="1:5" x14ac:dyDescent="0.25">
      <c r="A208" s="2" t="s">
        <v>499</v>
      </c>
      <c r="B208" s="2" t="s">
        <v>278</v>
      </c>
      <c r="C208" s="2" t="s">
        <v>500</v>
      </c>
      <c r="D208" s="2" t="s">
        <v>127</v>
      </c>
      <c r="E208" s="2">
        <v>1</v>
      </c>
    </row>
    <row r="209" spans="1:5" x14ac:dyDescent="0.25">
      <c r="A209" s="2" t="s">
        <v>502</v>
      </c>
      <c r="B209" s="2" t="s">
        <v>503</v>
      </c>
      <c r="D209" s="2" t="s">
        <v>171</v>
      </c>
      <c r="E209" s="2">
        <v>1</v>
      </c>
    </row>
    <row r="210" spans="1:5" x14ac:dyDescent="0.25">
      <c r="A210" s="2" t="s">
        <v>502</v>
      </c>
      <c r="B210" s="2" t="s">
        <v>504</v>
      </c>
      <c r="D210" s="2" t="s">
        <v>173</v>
      </c>
      <c r="E210" s="2">
        <v>2</v>
      </c>
    </row>
    <row r="211" spans="1:5" x14ac:dyDescent="0.25">
      <c r="A211" s="2" t="s">
        <v>502</v>
      </c>
      <c r="B211" s="2" t="s">
        <v>505</v>
      </c>
      <c r="D211" s="2" t="s">
        <v>22</v>
      </c>
      <c r="E211" s="2">
        <v>3</v>
      </c>
    </row>
    <row r="212" spans="1:5" x14ac:dyDescent="0.25">
      <c r="A212" s="2" t="s">
        <v>502</v>
      </c>
      <c r="B212" s="2" t="s">
        <v>506</v>
      </c>
      <c r="D212" s="2" t="s">
        <v>53</v>
      </c>
      <c r="E212" s="2">
        <v>4</v>
      </c>
    </row>
    <row r="213" spans="1:5" x14ac:dyDescent="0.25">
      <c r="A213" s="2" t="s">
        <v>502</v>
      </c>
      <c r="B213" s="2" t="s">
        <v>507</v>
      </c>
      <c r="D213" s="2" t="s">
        <v>75</v>
      </c>
      <c r="E213" s="2">
        <v>5</v>
      </c>
    </row>
    <row r="214" spans="1:5" x14ac:dyDescent="0.25">
      <c r="A214" s="2" t="s">
        <v>502</v>
      </c>
      <c r="B214" s="2" t="s">
        <v>508</v>
      </c>
      <c r="D214" s="2" t="s">
        <v>53</v>
      </c>
      <c r="E214" s="2">
        <v>6</v>
      </c>
    </row>
    <row r="215" spans="1:5" x14ac:dyDescent="0.25">
      <c r="A215" s="2" t="s">
        <v>502</v>
      </c>
      <c r="B215" s="2" t="s">
        <v>509</v>
      </c>
      <c r="D215" s="2" t="s">
        <v>85</v>
      </c>
      <c r="E215" s="2">
        <v>7</v>
      </c>
    </row>
    <row r="216" spans="1:5" x14ac:dyDescent="0.25">
      <c r="A216" s="2" t="s">
        <v>502</v>
      </c>
      <c r="B216" s="2" t="s">
        <v>510</v>
      </c>
      <c r="D216" s="2" t="s">
        <v>120</v>
      </c>
      <c r="E216" s="2">
        <v>8</v>
      </c>
    </row>
    <row r="217" spans="1:5" x14ac:dyDescent="0.25">
      <c r="A217" s="2" t="s">
        <v>502</v>
      </c>
      <c r="B217" s="2" t="s">
        <v>511</v>
      </c>
      <c r="D217" s="2" t="s">
        <v>89</v>
      </c>
      <c r="E217" s="2">
        <v>9</v>
      </c>
    </row>
    <row r="218" spans="1:5" x14ac:dyDescent="0.25">
      <c r="A218" s="2" t="s">
        <v>502</v>
      </c>
      <c r="B218" s="2" t="s">
        <v>512</v>
      </c>
      <c r="D218" s="2" t="s">
        <v>40</v>
      </c>
      <c r="E218" s="2">
        <v>10</v>
      </c>
    </row>
    <row r="219" spans="1:5" x14ac:dyDescent="0.25">
      <c r="A219" s="2" t="s">
        <v>513</v>
      </c>
      <c r="B219" s="2" t="s">
        <v>514</v>
      </c>
      <c r="D219" s="2" t="s">
        <v>69</v>
      </c>
      <c r="E219" s="2">
        <v>1</v>
      </c>
    </row>
    <row r="220" spans="1:5" x14ac:dyDescent="0.25">
      <c r="A220" s="2" t="s">
        <v>513</v>
      </c>
      <c r="B220" s="2" t="s">
        <v>515</v>
      </c>
      <c r="D220" s="2" t="s">
        <v>171</v>
      </c>
      <c r="E220" s="2">
        <v>2</v>
      </c>
    </row>
    <row r="221" spans="1:5" x14ac:dyDescent="0.25">
      <c r="A221" s="2" t="s">
        <v>513</v>
      </c>
      <c r="B221" s="2" t="s">
        <v>516</v>
      </c>
      <c r="D221" s="2" t="s">
        <v>273</v>
      </c>
      <c r="E221" s="2">
        <v>3</v>
      </c>
    </row>
    <row r="222" spans="1:5" x14ac:dyDescent="0.25">
      <c r="A222" s="2" t="s">
        <v>513</v>
      </c>
      <c r="B222" s="2" t="s">
        <v>517</v>
      </c>
      <c r="D222" s="2" t="s">
        <v>261</v>
      </c>
      <c r="E222" s="2">
        <v>4</v>
      </c>
    </row>
    <row r="223" spans="1:5" x14ac:dyDescent="0.25">
      <c r="A223" s="2" t="s">
        <v>513</v>
      </c>
      <c r="B223" s="2" t="s">
        <v>518</v>
      </c>
      <c r="D223" s="2" t="s">
        <v>86</v>
      </c>
      <c r="E223" s="2">
        <v>5</v>
      </c>
    </row>
    <row r="224" spans="1:5" x14ac:dyDescent="0.25">
      <c r="A224" s="2" t="s">
        <v>513</v>
      </c>
      <c r="B224" s="2" t="s">
        <v>519</v>
      </c>
      <c r="D224" s="2" t="s">
        <v>123</v>
      </c>
      <c r="E224" s="2">
        <v>6</v>
      </c>
    </row>
    <row r="225" spans="1:5" x14ac:dyDescent="0.25">
      <c r="A225" s="2" t="s">
        <v>513</v>
      </c>
      <c r="B225" s="2" t="s">
        <v>520</v>
      </c>
      <c r="D225" s="2" t="s">
        <v>99</v>
      </c>
      <c r="E225" s="2">
        <v>7</v>
      </c>
    </row>
    <row r="226" spans="1:5" x14ac:dyDescent="0.25">
      <c r="A226" s="2" t="s">
        <v>513</v>
      </c>
      <c r="B226" s="2" t="s">
        <v>521</v>
      </c>
      <c r="D226" s="2" t="s">
        <v>80</v>
      </c>
      <c r="E226" s="2">
        <v>8</v>
      </c>
    </row>
    <row r="227" spans="1:5" x14ac:dyDescent="0.25">
      <c r="A227" s="2" t="s">
        <v>513</v>
      </c>
      <c r="B227" s="2" t="s">
        <v>522</v>
      </c>
      <c r="D227" s="2" t="s">
        <v>54</v>
      </c>
      <c r="E227" s="2">
        <v>9</v>
      </c>
    </row>
    <row r="228" spans="1:5" x14ac:dyDescent="0.25">
      <c r="A228" s="2" t="s">
        <v>513</v>
      </c>
      <c r="B228" s="2" t="s">
        <v>523</v>
      </c>
      <c r="D228" s="2" t="s">
        <v>142</v>
      </c>
      <c r="E228" s="2">
        <v>10</v>
      </c>
    </row>
    <row r="229" spans="1:5" x14ac:dyDescent="0.25">
      <c r="A229" s="2" t="s">
        <v>524</v>
      </c>
      <c r="B229" s="2" t="s">
        <v>525</v>
      </c>
      <c r="D229" s="2" t="s">
        <v>69</v>
      </c>
      <c r="E229" s="2">
        <v>1</v>
      </c>
    </row>
    <row r="230" spans="1:5" x14ac:dyDescent="0.25">
      <c r="A230" s="2" t="s">
        <v>524</v>
      </c>
      <c r="B230" s="2" t="s">
        <v>526</v>
      </c>
      <c r="D230" s="2" t="s">
        <v>80</v>
      </c>
      <c r="E230" s="2">
        <v>2</v>
      </c>
    </row>
    <row r="231" spans="1:5" x14ac:dyDescent="0.25">
      <c r="A231" s="2" t="s">
        <v>524</v>
      </c>
      <c r="B231" s="2" t="s">
        <v>527</v>
      </c>
      <c r="D231" s="2" t="s">
        <v>8</v>
      </c>
      <c r="E231" s="2">
        <v>3</v>
      </c>
    </row>
    <row r="232" spans="1:5" x14ac:dyDescent="0.25">
      <c r="A232" s="2" t="s">
        <v>524</v>
      </c>
      <c r="B232" s="2" t="s">
        <v>528</v>
      </c>
      <c r="D232" s="2" t="s">
        <v>352</v>
      </c>
      <c r="E232" s="2">
        <v>4</v>
      </c>
    </row>
    <row r="233" spans="1:5" x14ac:dyDescent="0.25">
      <c r="A233" s="2" t="s">
        <v>524</v>
      </c>
      <c r="B233" s="2" t="s">
        <v>529</v>
      </c>
      <c r="D233" s="2" t="s">
        <v>353</v>
      </c>
      <c r="E233" s="2">
        <v>5</v>
      </c>
    </row>
    <row r="234" spans="1:5" x14ac:dyDescent="0.25">
      <c r="A234" s="2" t="s">
        <v>524</v>
      </c>
      <c r="B234" s="2" t="s">
        <v>530</v>
      </c>
      <c r="D234" s="2" t="s">
        <v>454</v>
      </c>
      <c r="E234" s="2">
        <v>6</v>
      </c>
    </row>
    <row r="235" spans="1:5" x14ac:dyDescent="0.25">
      <c r="A235" s="2" t="s">
        <v>524</v>
      </c>
      <c r="B235" s="2" t="s">
        <v>531</v>
      </c>
      <c r="D235" s="2" t="s">
        <v>437</v>
      </c>
      <c r="E235" s="2">
        <v>7</v>
      </c>
    </row>
    <row r="236" spans="1:5" x14ac:dyDescent="0.25">
      <c r="A236" s="2" t="s">
        <v>524</v>
      </c>
      <c r="B236" s="2" t="s">
        <v>532</v>
      </c>
      <c r="D236" s="2" t="s">
        <v>99</v>
      </c>
      <c r="E236" s="2">
        <v>8</v>
      </c>
    </row>
    <row r="237" spans="1:5" x14ac:dyDescent="0.25">
      <c r="A237" s="2" t="s">
        <v>524</v>
      </c>
      <c r="B237" s="2" t="s">
        <v>533</v>
      </c>
      <c r="D237" s="2" t="s">
        <v>386</v>
      </c>
      <c r="E237" s="2">
        <v>9</v>
      </c>
    </row>
    <row r="238" spans="1:5" x14ac:dyDescent="0.25">
      <c r="A238" s="2" t="s">
        <v>524</v>
      </c>
      <c r="B238" s="2" t="s">
        <v>534</v>
      </c>
      <c r="D238" s="2" t="s">
        <v>306</v>
      </c>
      <c r="E238" s="2">
        <v>10</v>
      </c>
    </row>
    <row r="239" spans="1:5" x14ac:dyDescent="0.25">
      <c r="A239" s="2" t="s">
        <v>535</v>
      </c>
      <c r="B239" s="2" t="s">
        <v>536</v>
      </c>
      <c r="D239" s="2" t="s">
        <v>69</v>
      </c>
      <c r="E239" s="2">
        <v>1</v>
      </c>
    </row>
    <row r="240" spans="1:5" x14ac:dyDescent="0.25">
      <c r="A240" s="2" t="s">
        <v>535</v>
      </c>
      <c r="B240" s="2" t="s">
        <v>537</v>
      </c>
      <c r="D240" s="2" t="s">
        <v>80</v>
      </c>
      <c r="E240" s="2">
        <v>2</v>
      </c>
    </row>
    <row r="241" spans="1:5" x14ac:dyDescent="0.25">
      <c r="A241" s="2" t="s">
        <v>535</v>
      </c>
      <c r="B241" s="2" t="s">
        <v>538</v>
      </c>
      <c r="D241" s="2" t="s">
        <v>11</v>
      </c>
      <c r="E241" s="2">
        <v>3</v>
      </c>
    </row>
    <row r="242" spans="1:5" x14ac:dyDescent="0.25">
      <c r="A242" s="2" t="s">
        <v>535</v>
      </c>
      <c r="B242" s="2" t="s">
        <v>539</v>
      </c>
      <c r="D242" s="2" t="s">
        <v>87</v>
      </c>
      <c r="E242" s="2">
        <v>4</v>
      </c>
    </row>
    <row r="243" spans="1:5" x14ac:dyDescent="0.25">
      <c r="A243" s="2" t="s">
        <v>535</v>
      </c>
      <c r="B243" s="2" t="s">
        <v>540</v>
      </c>
      <c r="D243" s="2" t="s">
        <v>80</v>
      </c>
      <c r="E243" s="2">
        <v>5</v>
      </c>
    </row>
    <row r="244" spans="1:5" x14ac:dyDescent="0.25">
      <c r="A244" s="2" t="s">
        <v>535</v>
      </c>
      <c r="B244" s="2" t="s">
        <v>541</v>
      </c>
      <c r="D244" s="2" t="s">
        <v>138</v>
      </c>
      <c r="E244" s="2">
        <v>6</v>
      </c>
    </row>
    <row r="245" spans="1:5" x14ac:dyDescent="0.25">
      <c r="A245" s="2" t="s">
        <v>535</v>
      </c>
      <c r="B245" s="2" t="s">
        <v>542</v>
      </c>
      <c r="D245" s="2" t="s">
        <v>86</v>
      </c>
      <c r="E245" s="2">
        <v>7</v>
      </c>
    </row>
    <row r="246" spans="1:5" x14ac:dyDescent="0.25">
      <c r="A246" s="2" t="s">
        <v>535</v>
      </c>
      <c r="B246" s="2" t="s">
        <v>543</v>
      </c>
      <c r="D246" s="2" t="s">
        <v>59</v>
      </c>
      <c r="E246" s="2">
        <v>8</v>
      </c>
    </row>
    <row r="247" spans="1:5" x14ac:dyDescent="0.25">
      <c r="A247" s="2" t="s">
        <v>535</v>
      </c>
      <c r="B247" s="2" t="s">
        <v>544</v>
      </c>
      <c r="D247" s="2" t="s">
        <v>123</v>
      </c>
      <c r="E247" s="2">
        <v>9</v>
      </c>
    </row>
    <row r="248" spans="1:5" x14ac:dyDescent="0.25">
      <c r="A248" s="2" t="s">
        <v>535</v>
      </c>
      <c r="B248" s="2" t="s">
        <v>545</v>
      </c>
      <c r="D248" s="2" t="s">
        <v>353</v>
      </c>
      <c r="E248" s="2">
        <v>10</v>
      </c>
    </row>
    <row r="249" spans="1:5" x14ac:dyDescent="0.25">
      <c r="A249" s="2" t="s">
        <v>546</v>
      </c>
      <c r="B249" s="2" t="s">
        <v>90</v>
      </c>
      <c r="C249" s="2" t="s">
        <v>547</v>
      </c>
      <c r="D249" s="2" t="s">
        <v>282</v>
      </c>
      <c r="E249" s="2">
        <v>1</v>
      </c>
    </row>
    <row r="250" spans="1:5" x14ac:dyDescent="0.25">
      <c r="A250" s="2" t="s">
        <v>546</v>
      </c>
      <c r="B250" s="2" t="s">
        <v>548</v>
      </c>
      <c r="C250" s="2" t="s">
        <v>217</v>
      </c>
      <c r="D250" s="2" t="s">
        <v>234</v>
      </c>
      <c r="E250" s="2">
        <v>2</v>
      </c>
    </row>
    <row r="251" spans="1:5" x14ac:dyDescent="0.25">
      <c r="A251" s="2" t="s">
        <v>546</v>
      </c>
      <c r="B251" s="2" t="s">
        <v>198</v>
      </c>
      <c r="C251" s="2" t="s">
        <v>549</v>
      </c>
      <c r="D251" s="2" t="s">
        <v>257</v>
      </c>
      <c r="E251" s="2">
        <v>3</v>
      </c>
    </row>
    <row r="252" spans="1:5" x14ac:dyDescent="0.25">
      <c r="A252" s="2" t="s">
        <v>546</v>
      </c>
      <c r="B252" s="2" t="s">
        <v>62</v>
      </c>
      <c r="C252" s="2" t="s">
        <v>550</v>
      </c>
      <c r="D252" s="2" t="s">
        <v>8</v>
      </c>
      <c r="E252" s="2">
        <v>4</v>
      </c>
    </row>
    <row r="253" spans="1:5" x14ac:dyDescent="0.25">
      <c r="A253" s="2" t="s">
        <v>546</v>
      </c>
      <c r="B253" s="2" t="s">
        <v>551</v>
      </c>
      <c r="C253" s="2" t="s">
        <v>552</v>
      </c>
      <c r="D253" s="2" t="s">
        <v>228</v>
      </c>
      <c r="E253" s="2">
        <v>5</v>
      </c>
    </row>
    <row r="254" spans="1:5" x14ac:dyDescent="0.25">
      <c r="A254" s="2" t="s">
        <v>546</v>
      </c>
      <c r="B254" s="2" t="s">
        <v>553</v>
      </c>
      <c r="C254" s="2" t="s">
        <v>554</v>
      </c>
      <c r="D254" s="2" t="s">
        <v>555</v>
      </c>
      <c r="E254" s="2">
        <v>6</v>
      </c>
    </row>
    <row r="255" spans="1:5" x14ac:dyDescent="0.25">
      <c r="A255" s="2" t="s">
        <v>546</v>
      </c>
      <c r="B255" s="2" t="s">
        <v>474</v>
      </c>
      <c r="C255" s="2" t="s">
        <v>488</v>
      </c>
      <c r="D255" s="2" t="s">
        <v>125</v>
      </c>
      <c r="E255" s="2">
        <v>7</v>
      </c>
    </row>
    <row r="256" spans="1:5" x14ac:dyDescent="0.25">
      <c r="A256" s="2" t="s">
        <v>546</v>
      </c>
      <c r="B256" s="2" t="s">
        <v>190</v>
      </c>
      <c r="C256" s="2" t="s">
        <v>556</v>
      </c>
      <c r="D256" s="2" t="s">
        <v>126</v>
      </c>
      <c r="E256" s="2">
        <v>8</v>
      </c>
    </row>
    <row r="257" spans="1:5" x14ac:dyDescent="0.25">
      <c r="A257" s="2" t="s">
        <v>546</v>
      </c>
      <c r="B257" s="2" t="s">
        <v>62</v>
      </c>
      <c r="C257" s="2" t="s">
        <v>206</v>
      </c>
      <c r="D257" s="2" t="s">
        <v>127</v>
      </c>
      <c r="E257" s="2">
        <v>9</v>
      </c>
    </row>
    <row r="258" spans="1:5" x14ac:dyDescent="0.25">
      <c r="A258" s="2" t="s">
        <v>546</v>
      </c>
      <c r="B258" s="2" t="s">
        <v>557</v>
      </c>
      <c r="C258" s="2" t="s">
        <v>558</v>
      </c>
      <c r="D258" s="2" t="s">
        <v>321</v>
      </c>
      <c r="E258" s="2">
        <v>10</v>
      </c>
    </row>
    <row r="259" spans="1:5" x14ac:dyDescent="0.25">
      <c r="A259" s="2" t="s">
        <v>559</v>
      </c>
      <c r="B259" s="2" t="s">
        <v>560</v>
      </c>
      <c r="C259" s="2" t="s">
        <v>561</v>
      </c>
      <c r="D259" s="2" t="s">
        <v>562</v>
      </c>
      <c r="E259" s="2">
        <v>1</v>
      </c>
    </row>
    <row r="260" spans="1:5" x14ac:dyDescent="0.25">
      <c r="A260" s="2" t="s">
        <v>559</v>
      </c>
      <c r="B260" s="2" t="s">
        <v>563</v>
      </c>
      <c r="C260" s="2" t="s">
        <v>79</v>
      </c>
      <c r="D260" s="2" t="s">
        <v>386</v>
      </c>
      <c r="E260" s="2">
        <v>2</v>
      </c>
    </row>
    <row r="261" spans="1:5" x14ac:dyDescent="0.25">
      <c r="A261" s="2" t="s">
        <v>559</v>
      </c>
      <c r="B261" s="2" t="s">
        <v>230</v>
      </c>
      <c r="C261" s="2" t="s">
        <v>564</v>
      </c>
      <c r="D261" s="2" t="s">
        <v>305</v>
      </c>
      <c r="E261" s="2">
        <v>3</v>
      </c>
    </row>
    <row r="262" spans="1:5" x14ac:dyDescent="0.25">
      <c r="A262" s="2" t="s">
        <v>559</v>
      </c>
      <c r="B262" s="2" t="s">
        <v>565</v>
      </c>
      <c r="C262" s="2" t="s">
        <v>194</v>
      </c>
      <c r="D262" s="2" t="s">
        <v>400</v>
      </c>
      <c r="E262" s="2">
        <v>4</v>
      </c>
    </row>
    <row r="263" spans="1:5" x14ac:dyDescent="0.25">
      <c r="A263" s="2" t="s">
        <v>559</v>
      </c>
      <c r="B263" s="2" t="s">
        <v>572</v>
      </c>
      <c r="C263" s="2" t="s">
        <v>573</v>
      </c>
      <c r="D263" s="2" t="s">
        <v>305</v>
      </c>
      <c r="E263" s="2">
        <v>5</v>
      </c>
    </row>
    <row r="264" spans="1:5" x14ac:dyDescent="0.25">
      <c r="A264" s="2" t="s">
        <v>559</v>
      </c>
      <c r="B264" s="2" t="s">
        <v>566</v>
      </c>
      <c r="C264" s="2" t="s">
        <v>567</v>
      </c>
      <c r="D264" s="2" t="s">
        <v>305</v>
      </c>
      <c r="E264" s="2">
        <v>6</v>
      </c>
    </row>
    <row r="265" spans="1:5" x14ac:dyDescent="0.25">
      <c r="A265" s="2" t="s">
        <v>559</v>
      </c>
      <c r="B265" s="2" t="s">
        <v>568</v>
      </c>
      <c r="C265" s="2" t="s">
        <v>569</v>
      </c>
      <c r="D265" s="2" t="s">
        <v>86</v>
      </c>
      <c r="E265" s="2">
        <v>7</v>
      </c>
    </row>
    <row r="266" spans="1:5" x14ac:dyDescent="0.25">
      <c r="A266" s="2" t="s">
        <v>559</v>
      </c>
      <c r="B266" s="2" t="s">
        <v>570</v>
      </c>
      <c r="C266" s="2" t="s">
        <v>571</v>
      </c>
      <c r="D266" s="2" t="s">
        <v>114</v>
      </c>
      <c r="E266" s="2">
        <v>8</v>
      </c>
    </row>
    <row r="267" spans="1:5" x14ac:dyDescent="0.25">
      <c r="A267" s="2" t="s">
        <v>559</v>
      </c>
      <c r="B267" s="2" t="s">
        <v>95</v>
      </c>
      <c r="C267" s="2" t="s">
        <v>574</v>
      </c>
      <c r="D267" s="2" t="s">
        <v>501</v>
      </c>
      <c r="E267" s="2">
        <v>9</v>
      </c>
    </row>
    <row r="268" spans="1:5" x14ac:dyDescent="0.25">
      <c r="A268" s="2" t="s">
        <v>559</v>
      </c>
      <c r="B268" s="2" t="s">
        <v>184</v>
      </c>
      <c r="C268" s="2" t="s">
        <v>415</v>
      </c>
      <c r="D268" s="2" t="s">
        <v>25</v>
      </c>
      <c r="E268" s="2">
        <v>10</v>
      </c>
    </row>
    <row r="269" spans="1:5" x14ac:dyDescent="0.25">
      <c r="A269" s="2" t="s">
        <v>576</v>
      </c>
      <c r="B269" s="2" t="s">
        <v>577</v>
      </c>
      <c r="D269" s="2" t="s">
        <v>8</v>
      </c>
      <c r="E269" s="2">
        <v>1</v>
      </c>
    </row>
    <row r="270" spans="1:5" x14ac:dyDescent="0.25">
      <c r="A270" s="2" t="s">
        <v>576</v>
      </c>
      <c r="B270" s="2" t="s">
        <v>578</v>
      </c>
      <c r="D270" s="2" t="s">
        <v>579</v>
      </c>
      <c r="E270" s="2">
        <v>2</v>
      </c>
    </row>
    <row r="271" spans="1:5" x14ac:dyDescent="0.25">
      <c r="A271" s="2" t="s">
        <v>576</v>
      </c>
      <c r="B271" s="2" t="s">
        <v>580</v>
      </c>
      <c r="D271" s="2" t="s">
        <v>86</v>
      </c>
      <c r="E271" s="2">
        <v>3</v>
      </c>
    </row>
    <row r="272" spans="1:5" x14ac:dyDescent="0.25">
      <c r="A272" s="2" t="s">
        <v>576</v>
      </c>
      <c r="B272" s="2" t="s">
        <v>581</v>
      </c>
      <c r="D272" s="2" t="s">
        <v>171</v>
      </c>
      <c r="E272" s="2">
        <v>4</v>
      </c>
    </row>
    <row r="273" spans="1:5" x14ac:dyDescent="0.25">
      <c r="A273" s="2" t="s">
        <v>576</v>
      </c>
      <c r="B273" s="2" t="s">
        <v>582</v>
      </c>
      <c r="D273" s="2" t="s">
        <v>209</v>
      </c>
      <c r="E273" s="2">
        <v>5</v>
      </c>
    </row>
    <row r="274" spans="1:5" x14ac:dyDescent="0.25">
      <c r="A274" s="2" t="s">
        <v>576</v>
      </c>
      <c r="B274" s="2" t="s">
        <v>583</v>
      </c>
      <c r="D274" s="2" t="s">
        <v>80</v>
      </c>
      <c r="E274" s="2">
        <v>6</v>
      </c>
    </row>
    <row r="275" spans="1:5" x14ac:dyDescent="0.25">
      <c r="A275" s="2" t="s">
        <v>576</v>
      </c>
      <c r="B275" s="2" t="s">
        <v>584</v>
      </c>
      <c r="D275" s="2" t="s">
        <v>51</v>
      </c>
      <c r="E275" s="2">
        <v>7</v>
      </c>
    </row>
    <row r="276" spans="1:5" x14ac:dyDescent="0.25">
      <c r="A276" s="2" t="s">
        <v>576</v>
      </c>
      <c r="B276" s="2" t="s">
        <v>585</v>
      </c>
      <c r="D276" s="2" t="s">
        <v>253</v>
      </c>
      <c r="E276" s="2">
        <v>8</v>
      </c>
    </row>
    <row r="277" spans="1:5" x14ac:dyDescent="0.25">
      <c r="A277" s="2" t="s">
        <v>576</v>
      </c>
      <c r="B277" s="2" t="s">
        <v>586</v>
      </c>
      <c r="D277" s="2" t="s">
        <v>108</v>
      </c>
      <c r="E277" s="2">
        <v>9</v>
      </c>
    </row>
    <row r="278" spans="1:5" x14ac:dyDescent="0.25">
      <c r="A278" s="2" t="s">
        <v>576</v>
      </c>
      <c r="B278" s="2" t="s">
        <v>587</v>
      </c>
      <c r="D278" s="2" t="s">
        <v>127</v>
      </c>
      <c r="E278" s="2">
        <v>10</v>
      </c>
    </row>
    <row r="279" spans="1:5" x14ac:dyDescent="0.25">
      <c r="A279" s="2" t="s">
        <v>588</v>
      </c>
      <c r="B279" s="2" t="s">
        <v>589</v>
      </c>
      <c r="D279" s="2" t="s">
        <v>268</v>
      </c>
      <c r="E279" s="2">
        <v>1</v>
      </c>
    </row>
    <row r="280" spans="1:5" x14ac:dyDescent="0.25">
      <c r="A280" s="2" t="s">
        <v>588</v>
      </c>
      <c r="B280" s="2" t="s">
        <v>590</v>
      </c>
      <c r="D280" s="2" t="s">
        <v>591</v>
      </c>
      <c r="E280" s="2">
        <v>2</v>
      </c>
    </row>
    <row r="281" spans="1:5" x14ac:dyDescent="0.25">
      <c r="A281" s="2" t="s">
        <v>588</v>
      </c>
      <c r="B281" s="2" t="s">
        <v>592</v>
      </c>
      <c r="D281" s="2" t="s">
        <v>19</v>
      </c>
      <c r="E281" s="2">
        <v>3</v>
      </c>
    </row>
    <row r="282" spans="1:5" x14ac:dyDescent="0.25">
      <c r="A282" s="2" t="s">
        <v>588</v>
      </c>
      <c r="B282" s="2" t="s">
        <v>593</v>
      </c>
      <c r="D282" s="2" t="s">
        <v>66</v>
      </c>
      <c r="E282" s="2">
        <v>4</v>
      </c>
    </row>
    <row r="283" spans="1:5" x14ac:dyDescent="0.25">
      <c r="A283" s="2" t="s">
        <v>588</v>
      </c>
      <c r="B283" s="2" t="s">
        <v>594</v>
      </c>
      <c r="D283" s="2" t="s">
        <v>37</v>
      </c>
      <c r="E283" s="2">
        <v>5</v>
      </c>
    </row>
    <row r="284" spans="1:5" x14ac:dyDescent="0.25">
      <c r="A284" s="2" t="s">
        <v>588</v>
      </c>
      <c r="B284" s="2" t="s">
        <v>595</v>
      </c>
      <c r="D284" s="2" t="s">
        <v>120</v>
      </c>
      <c r="E284" s="2">
        <v>6</v>
      </c>
    </row>
    <row r="285" spans="1:5" x14ac:dyDescent="0.25">
      <c r="A285" s="2" t="s">
        <v>588</v>
      </c>
      <c r="B285" s="2" t="s">
        <v>596</v>
      </c>
      <c r="D285" s="2" t="s">
        <v>334</v>
      </c>
      <c r="E285" s="2">
        <v>7</v>
      </c>
    </row>
    <row r="286" spans="1:5" x14ac:dyDescent="0.25">
      <c r="A286" s="2" t="s">
        <v>588</v>
      </c>
      <c r="B286" s="2" t="s">
        <v>597</v>
      </c>
      <c r="D286" s="2" t="s">
        <v>120</v>
      </c>
      <c r="E286" s="2">
        <v>8</v>
      </c>
    </row>
    <row r="287" spans="1:5" x14ac:dyDescent="0.25">
      <c r="A287" s="2" t="s">
        <v>588</v>
      </c>
      <c r="B287" s="2" t="s">
        <v>598</v>
      </c>
      <c r="D287" s="2" t="s">
        <v>599</v>
      </c>
      <c r="E287" s="2">
        <v>9</v>
      </c>
    </row>
    <row r="288" spans="1:5" x14ac:dyDescent="0.25">
      <c r="A288" s="2" t="s">
        <v>588</v>
      </c>
      <c r="B288" s="2" t="s">
        <v>600</v>
      </c>
      <c r="D288" s="2" t="s">
        <v>133</v>
      </c>
      <c r="E288" s="2">
        <v>10</v>
      </c>
    </row>
    <row r="289" spans="1:5" x14ac:dyDescent="0.25">
      <c r="A289" s="2" t="s">
        <v>601</v>
      </c>
      <c r="B289" s="2" t="s">
        <v>225</v>
      </c>
      <c r="C289" s="2" t="s">
        <v>602</v>
      </c>
      <c r="D289" s="2" t="s">
        <v>114</v>
      </c>
      <c r="E289" s="2">
        <v>1</v>
      </c>
    </row>
    <row r="290" spans="1:5" x14ac:dyDescent="0.25">
      <c r="A290" s="2" t="s">
        <v>601</v>
      </c>
      <c r="B290" s="2" t="s">
        <v>167</v>
      </c>
      <c r="C290" s="2" t="s">
        <v>168</v>
      </c>
      <c r="D290" s="2" t="s">
        <v>48</v>
      </c>
      <c r="E290" s="2">
        <v>2</v>
      </c>
    </row>
    <row r="291" spans="1:5" x14ac:dyDescent="0.25">
      <c r="A291" s="2" t="s">
        <v>601</v>
      </c>
      <c r="B291" s="2" t="s">
        <v>121</v>
      </c>
      <c r="C291" s="2" t="s">
        <v>603</v>
      </c>
      <c r="D291" s="2" t="s">
        <v>209</v>
      </c>
      <c r="E291" s="2">
        <v>3</v>
      </c>
    </row>
    <row r="292" spans="1:5" x14ac:dyDescent="0.25">
      <c r="A292" s="2" t="s">
        <v>601</v>
      </c>
      <c r="B292" s="2" t="s">
        <v>604</v>
      </c>
      <c r="C292" s="2" t="s">
        <v>605</v>
      </c>
      <c r="D292" s="2" t="s">
        <v>80</v>
      </c>
      <c r="E292" s="2">
        <v>4</v>
      </c>
    </row>
    <row r="293" spans="1:5" x14ac:dyDescent="0.25">
      <c r="A293" s="2" t="s">
        <v>601</v>
      </c>
      <c r="B293" s="2" t="s">
        <v>606</v>
      </c>
      <c r="C293" s="2" t="s">
        <v>607</v>
      </c>
      <c r="D293" s="2" t="s">
        <v>393</v>
      </c>
      <c r="E293" s="2">
        <v>5</v>
      </c>
    </row>
    <row r="294" spans="1:5" x14ac:dyDescent="0.25">
      <c r="A294" s="2" t="s">
        <v>601</v>
      </c>
      <c r="B294" s="2" t="s">
        <v>193</v>
      </c>
      <c r="C294" s="2" t="s">
        <v>608</v>
      </c>
      <c r="D294" s="2" t="s">
        <v>84</v>
      </c>
      <c r="E294" s="2">
        <v>6</v>
      </c>
    </row>
    <row r="295" spans="1:5" x14ac:dyDescent="0.25">
      <c r="A295" s="2" t="s">
        <v>601</v>
      </c>
      <c r="B295" s="2" t="s">
        <v>609</v>
      </c>
      <c r="C295" s="2" t="s">
        <v>610</v>
      </c>
      <c r="D295" s="2" t="s">
        <v>321</v>
      </c>
      <c r="E295" s="2">
        <v>7</v>
      </c>
    </row>
    <row r="296" spans="1:5" x14ac:dyDescent="0.25">
      <c r="A296" s="2" t="s">
        <v>601</v>
      </c>
      <c r="B296" s="2" t="s">
        <v>611</v>
      </c>
      <c r="C296" s="2" t="s">
        <v>612</v>
      </c>
      <c r="D296" s="2" t="s">
        <v>40</v>
      </c>
      <c r="E296" s="2">
        <v>8</v>
      </c>
    </row>
    <row r="297" spans="1:5" x14ac:dyDescent="0.25">
      <c r="A297" s="2" t="s">
        <v>601</v>
      </c>
      <c r="B297" s="2" t="s">
        <v>174</v>
      </c>
      <c r="C297" s="2" t="s">
        <v>175</v>
      </c>
      <c r="D297" s="2" t="s">
        <v>173</v>
      </c>
      <c r="E297" s="2">
        <v>9</v>
      </c>
    </row>
    <row r="298" spans="1:5" x14ac:dyDescent="0.25">
      <c r="A298" s="2" t="s">
        <v>601</v>
      </c>
      <c r="B298" s="2" t="s">
        <v>613</v>
      </c>
      <c r="C298" s="2" t="s">
        <v>614</v>
      </c>
      <c r="D298" s="2" t="s">
        <v>142</v>
      </c>
      <c r="E298" s="2">
        <v>10</v>
      </c>
    </row>
    <row r="299" spans="1:5" x14ac:dyDescent="0.25">
      <c r="A299" s="2" t="s">
        <v>615</v>
      </c>
      <c r="B299" s="2" t="s">
        <v>229</v>
      </c>
      <c r="C299" s="2" t="s">
        <v>616</v>
      </c>
      <c r="D299" s="2" t="s">
        <v>273</v>
      </c>
      <c r="E299" s="2">
        <v>1</v>
      </c>
    </row>
    <row r="300" spans="1:5" x14ac:dyDescent="0.25">
      <c r="A300" s="2" t="s">
        <v>615</v>
      </c>
      <c r="B300" s="2" t="s">
        <v>617</v>
      </c>
      <c r="C300" s="2" t="s">
        <v>618</v>
      </c>
      <c r="D300" s="2" t="s">
        <v>25</v>
      </c>
      <c r="E300" s="2">
        <v>2</v>
      </c>
    </row>
    <row r="301" spans="1:5" x14ac:dyDescent="0.25">
      <c r="A301" s="2" t="s">
        <v>615</v>
      </c>
      <c r="B301" s="2" t="s">
        <v>143</v>
      </c>
      <c r="C301" s="2" t="s">
        <v>619</v>
      </c>
      <c r="D301" s="2" t="s">
        <v>280</v>
      </c>
      <c r="E301" s="2">
        <v>3</v>
      </c>
    </row>
    <row r="302" spans="1:5" x14ac:dyDescent="0.25">
      <c r="A302" s="2" t="s">
        <v>615</v>
      </c>
      <c r="B302" s="2" t="s">
        <v>155</v>
      </c>
      <c r="C302" s="2" t="s">
        <v>620</v>
      </c>
      <c r="D302" s="2" t="s">
        <v>40</v>
      </c>
      <c r="E302" s="2">
        <v>4</v>
      </c>
    </row>
    <row r="303" spans="1:5" x14ac:dyDescent="0.25">
      <c r="A303" s="2" t="s">
        <v>615</v>
      </c>
      <c r="B303" s="2" t="s">
        <v>621</v>
      </c>
      <c r="C303" s="2" t="s">
        <v>622</v>
      </c>
      <c r="D303" s="2" t="s">
        <v>386</v>
      </c>
      <c r="E303" s="2">
        <v>5</v>
      </c>
    </row>
    <row r="304" spans="1:5" x14ac:dyDescent="0.25">
      <c r="A304" s="2" t="s">
        <v>615</v>
      </c>
      <c r="B304" s="2" t="s">
        <v>241</v>
      </c>
      <c r="C304" s="2" t="s">
        <v>242</v>
      </c>
      <c r="D304" s="2" t="s">
        <v>22</v>
      </c>
      <c r="E304" s="2">
        <v>6</v>
      </c>
    </row>
    <row r="305" spans="1:5" x14ac:dyDescent="0.25">
      <c r="A305" s="2" t="s">
        <v>615</v>
      </c>
      <c r="B305" s="2" t="s">
        <v>623</v>
      </c>
      <c r="C305" s="2" t="s">
        <v>205</v>
      </c>
      <c r="D305" s="2" t="s">
        <v>85</v>
      </c>
      <c r="E305" s="2">
        <v>7</v>
      </c>
    </row>
    <row r="306" spans="1:5" x14ac:dyDescent="0.25">
      <c r="A306" s="2" t="s">
        <v>615</v>
      </c>
      <c r="B306" s="2" t="s">
        <v>624</v>
      </c>
      <c r="C306" s="2" t="s">
        <v>625</v>
      </c>
      <c r="D306" s="2" t="s">
        <v>86</v>
      </c>
      <c r="E306" s="2">
        <v>8</v>
      </c>
    </row>
    <row r="307" spans="1:5" x14ac:dyDescent="0.25">
      <c r="A307" s="2" t="s">
        <v>615</v>
      </c>
      <c r="B307" s="2" t="s">
        <v>626</v>
      </c>
      <c r="C307" s="2" t="s">
        <v>627</v>
      </c>
      <c r="D307" s="2" t="s">
        <v>69</v>
      </c>
      <c r="E307" s="2">
        <v>9</v>
      </c>
    </row>
    <row r="308" spans="1:5" x14ac:dyDescent="0.25">
      <c r="A308" s="2" t="s">
        <v>615</v>
      </c>
      <c r="B308" s="2" t="s">
        <v>628</v>
      </c>
      <c r="C308" s="2" t="s">
        <v>629</v>
      </c>
      <c r="D308" s="2" t="s">
        <v>307</v>
      </c>
      <c r="E308" s="2">
        <v>10</v>
      </c>
    </row>
    <row r="309" spans="1:5" x14ac:dyDescent="0.25">
      <c r="A309" s="2" t="s">
        <v>630</v>
      </c>
      <c r="B309" s="2" t="s">
        <v>631</v>
      </c>
      <c r="D309" s="2" t="s">
        <v>234</v>
      </c>
      <c r="E309" s="2">
        <v>1</v>
      </c>
    </row>
    <row r="310" spans="1:5" x14ac:dyDescent="0.25">
      <c r="A310" s="2" t="s">
        <v>630</v>
      </c>
      <c r="B310" s="2" t="s">
        <v>632</v>
      </c>
      <c r="D310" s="2" t="s">
        <v>385</v>
      </c>
      <c r="E310" s="2">
        <v>2</v>
      </c>
    </row>
    <row r="311" spans="1:5" x14ac:dyDescent="0.25">
      <c r="A311" s="2" t="s">
        <v>630</v>
      </c>
      <c r="B311" s="2" t="s">
        <v>633</v>
      </c>
      <c r="D311" s="2" t="s">
        <v>171</v>
      </c>
      <c r="E311" s="2">
        <v>3</v>
      </c>
    </row>
    <row r="312" spans="1:5" x14ac:dyDescent="0.25">
      <c r="A312" s="2" t="s">
        <v>630</v>
      </c>
      <c r="B312" s="2" t="s">
        <v>634</v>
      </c>
      <c r="D312" s="2" t="s">
        <v>178</v>
      </c>
      <c r="E312" s="2">
        <v>4</v>
      </c>
    </row>
    <row r="313" spans="1:5" x14ac:dyDescent="0.25">
      <c r="A313" s="2" t="s">
        <v>630</v>
      </c>
      <c r="B313" s="2" t="s">
        <v>635</v>
      </c>
      <c r="D313" s="2" t="s">
        <v>126</v>
      </c>
      <c r="E313" s="2">
        <v>5</v>
      </c>
    </row>
    <row r="314" spans="1:5" x14ac:dyDescent="0.25">
      <c r="A314" s="2" t="s">
        <v>630</v>
      </c>
      <c r="B314" s="2" t="s">
        <v>636</v>
      </c>
      <c r="D314" s="2" t="s">
        <v>126</v>
      </c>
      <c r="E314" s="2">
        <v>6</v>
      </c>
    </row>
    <row r="315" spans="1:5" x14ac:dyDescent="0.25">
      <c r="A315" s="2" t="s">
        <v>630</v>
      </c>
      <c r="B315" s="2" t="s">
        <v>637</v>
      </c>
      <c r="D315" s="2" t="s">
        <v>638</v>
      </c>
      <c r="E315" s="2">
        <v>7</v>
      </c>
    </row>
    <row r="316" spans="1:5" x14ac:dyDescent="0.25">
      <c r="A316" s="2" t="s">
        <v>630</v>
      </c>
      <c r="B316" s="2" t="s">
        <v>639</v>
      </c>
      <c r="D316" s="2" t="s">
        <v>55</v>
      </c>
      <c r="E316" s="2">
        <v>8</v>
      </c>
    </row>
    <row r="317" spans="1:5" x14ac:dyDescent="0.25">
      <c r="A317" s="2" t="s">
        <v>630</v>
      </c>
      <c r="B317" s="2" t="s">
        <v>640</v>
      </c>
      <c r="D317" s="2" t="s">
        <v>66</v>
      </c>
      <c r="E317" s="2">
        <v>9</v>
      </c>
    </row>
    <row r="318" spans="1:5" x14ac:dyDescent="0.25">
      <c r="A318" s="2" t="s">
        <v>630</v>
      </c>
      <c r="B318" s="2" t="s">
        <v>641</v>
      </c>
      <c r="D318" s="2" t="s">
        <v>44</v>
      </c>
      <c r="E318" s="2">
        <v>10</v>
      </c>
    </row>
    <row r="319" spans="1:5" x14ac:dyDescent="0.25">
      <c r="A319" s="2" t="s">
        <v>642</v>
      </c>
      <c r="B319" s="2" t="s">
        <v>643</v>
      </c>
      <c r="C319" s="2" t="s">
        <v>567</v>
      </c>
      <c r="D319" s="2" t="s">
        <v>579</v>
      </c>
      <c r="E319" s="2">
        <v>1</v>
      </c>
    </row>
    <row r="320" spans="1:5" x14ac:dyDescent="0.25">
      <c r="A320" s="2" t="s">
        <v>642</v>
      </c>
      <c r="B320" s="2" t="s">
        <v>239</v>
      </c>
      <c r="C320" s="2" t="s">
        <v>644</v>
      </c>
      <c r="D320" s="2" t="s">
        <v>105</v>
      </c>
      <c r="E320" s="2">
        <v>2</v>
      </c>
    </row>
    <row r="321" spans="1:5" x14ac:dyDescent="0.25">
      <c r="A321" s="2" t="s">
        <v>642</v>
      </c>
      <c r="B321" s="2" t="s">
        <v>645</v>
      </c>
      <c r="C321" s="2" t="s">
        <v>646</v>
      </c>
      <c r="D321" s="2" t="s">
        <v>236</v>
      </c>
      <c r="E321" s="2">
        <v>3</v>
      </c>
    </row>
    <row r="322" spans="1:5" x14ac:dyDescent="0.25">
      <c r="A322" s="2" t="s">
        <v>642</v>
      </c>
      <c r="B322" s="2" t="s">
        <v>192</v>
      </c>
      <c r="C322" s="2" t="s">
        <v>166</v>
      </c>
      <c r="D322" s="2" t="s">
        <v>80</v>
      </c>
      <c r="E322" s="2">
        <v>4</v>
      </c>
    </row>
    <row r="323" spans="1:5" x14ac:dyDescent="0.25">
      <c r="A323" s="2" t="s">
        <v>642</v>
      </c>
      <c r="B323" s="2" t="s">
        <v>42</v>
      </c>
      <c r="C323" s="2" t="s">
        <v>169</v>
      </c>
      <c r="D323" s="2" t="s">
        <v>123</v>
      </c>
      <c r="E323" s="2">
        <v>5</v>
      </c>
    </row>
    <row r="324" spans="1:5" x14ac:dyDescent="0.25">
      <c r="A324" s="2" t="s">
        <v>642</v>
      </c>
      <c r="B324" s="2" t="s">
        <v>136</v>
      </c>
      <c r="C324" s="2" t="s">
        <v>647</v>
      </c>
      <c r="D324" s="2" t="s">
        <v>120</v>
      </c>
      <c r="E324" s="2">
        <v>6</v>
      </c>
    </row>
    <row r="325" spans="1:5" x14ac:dyDescent="0.25">
      <c r="A325" s="2" t="s">
        <v>642</v>
      </c>
      <c r="B325" s="2" t="s">
        <v>49</v>
      </c>
      <c r="C325" s="2" t="s">
        <v>648</v>
      </c>
      <c r="D325" s="2" t="s">
        <v>87</v>
      </c>
      <c r="E325" s="2">
        <v>7</v>
      </c>
    </row>
    <row r="326" spans="1:5" x14ac:dyDescent="0.25">
      <c r="A326" s="2" t="s">
        <v>642</v>
      </c>
      <c r="B326" s="2" t="s">
        <v>370</v>
      </c>
      <c r="C326" s="2" t="s">
        <v>240</v>
      </c>
      <c r="D326" s="2" t="s">
        <v>649</v>
      </c>
      <c r="E326" s="2">
        <v>8</v>
      </c>
    </row>
    <row r="327" spans="1:5" x14ac:dyDescent="0.25">
      <c r="A327" s="2" t="s">
        <v>642</v>
      </c>
      <c r="B327" s="2" t="s">
        <v>650</v>
      </c>
      <c r="C327" s="2" t="s">
        <v>651</v>
      </c>
      <c r="D327" s="2" t="s">
        <v>320</v>
      </c>
      <c r="E327" s="2">
        <v>9</v>
      </c>
    </row>
    <row r="328" spans="1:5" x14ac:dyDescent="0.25">
      <c r="A328" s="2" t="s">
        <v>642</v>
      </c>
      <c r="B328" s="2" t="s">
        <v>652</v>
      </c>
      <c r="C328" s="2" t="s">
        <v>653</v>
      </c>
      <c r="D328" s="2" t="s">
        <v>307</v>
      </c>
      <c r="E328" s="2">
        <v>10</v>
      </c>
    </row>
    <row r="329" spans="1:5" x14ac:dyDescent="0.25">
      <c r="A329" s="2" t="s">
        <v>656</v>
      </c>
      <c r="B329" s="2" t="s">
        <v>657</v>
      </c>
      <c r="C329" s="2" t="s">
        <v>658</v>
      </c>
      <c r="D329" s="2" t="s">
        <v>268</v>
      </c>
      <c r="E329" s="2">
        <v>1</v>
      </c>
    </row>
    <row r="330" spans="1:5" x14ac:dyDescent="0.25">
      <c r="A330" s="2" t="s">
        <v>656</v>
      </c>
      <c r="B330" s="2" t="s">
        <v>659</v>
      </c>
      <c r="C330" s="2" t="s">
        <v>660</v>
      </c>
      <c r="D330" s="2" t="s">
        <v>55</v>
      </c>
      <c r="E330" s="2">
        <v>2</v>
      </c>
    </row>
    <row r="331" spans="1:5" x14ac:dyDescent="0.25">
      <c r="A331" s="2" t="s">
        <v>656</v>
      </c>
      <c r="B331" s="2" t="s">
        <v>226</v>
      </c>
      <c r="C331" s="2" t="s">
        <v>227</v>
      </c>
      <c r="D331" s="2" t="s">
        <v>171</v>
      </c>
      <c r="E331" s="2">
        <v>3</v>
      </c>
    </row>
    <row r="332" spans="1:5" x14ac:dyDescent="0.25">
      <c r="A332" s="2" t="s">
        <v>656</v>
      </c>
      <c r="B332" s="2" t="s">
        <v>661</v>
      </c>
      <c r="C332" s="2" t="s">
        <v>662</v>
      </c>
      <c r="D332" s="2" t="s">
        <v>125</v>
      </c>
      <c r="E332" s="2">
        <v>4</v>
      </c>
    </row>
    <row r="333" spans="1:5" x14ac:dyDescent="0.25">
      <c r="A333" s="2" t="s">
        <v>656</v>
      </c>
      <c r="B333" s="2" t="s">
        <v>663</v>
      </c>
      <c r="C333" s="2" t="s">
        <v>664</v>
      </c>
      <c r="D333" s="2" t="s">
        <v>268</v>
      </c>
      <c r="E333" s="2">
        <v>5</v>
      </c>
    </row>
    <row r="334" spans="1:5" x14ac:dyDescent="0.25">
      <c r="A334" s="2" t="s">
        <v>656</v>
      </c>
      <c r="B334" s="2" t="s">
        <v>665</v>
      </c>
      <c r="C334" s="2" t="s">
        <v>666</v>
      </c>
      <c r="D334" s="2" t="s">
        <v>86</v>
      </c>
      <c r="E334" s="2">
        <v>6</v>
      </c>
    </row>
    <row r="335" spans="1:5" x14ac:dyDescent="0.25">
      <c r="A335" s="2" t="s">
        <v>656</v>
      </c>
      <c r="B335" s="2" t="s">
        <v>163</v>
      </c>
      <c r="C335" s="2" t="s">
        <v>667</v>
      </c>
      <c r="D335" s="2" t="s">
        <v>111</v>
      </c>
      <c r="E335" s="2">
        <v>7</v>
      </c>
    </row>
    <row r="336" spans="1:5" x14ac:dyDescent="0.25">
      <c r="A336" s="2" t="s">
        <v>656</v>
      </c>
      <c r="B336" s="2" t="s">
        <v>124</v>
      </c>
      <c r="C336" s="2" t="s">
        <v>668</v>
      </c>
      <c r="D336" s="2" t="s">
        <v>234</v>
      </c>
      <c r="E336" s="2">
        <v>8</v>
      </c>
    </row>
    <row r="337" spans="1:5" x14ac:dyDescent="0.25">
      <c r="A337" s="2" t="s">
        <v>656</v>
      </c>
      <c r="B337" s="2" t="s">
        <v>669</v>
      </c>
      <c r="C337" s="2" t="s">
        <v>670</v>
      </c>
      <c r="D337" s="2" t="s">
        <v>260</v>
      </c>
      <c r="E337" s="2">
        <v>9</v>
      </c>
    </row>
    <row r="338" spans="1:5" x14ac:dyDescent="0.25">
      <c r="A338" s="2" t="s">
        <v>656</v>
      </c>
      <c r="B338" s="2" t="s">
        <v>671</v>
      </c>
      <c r="C338" s="2" t="s">
        <v>672</v>
      </c>
      <c r="D338" s="2" t="s">
        <v>86</v>
      </c>
      <c r="E338" s="2">
        <v>10</v>
      </c>
    </row>
    <row r="339" spans="1:5" x14ac:dyDescent="0.25">
      <c r="A339" s="2" t="s">
        <v>673</v>
      </c>
      <c r="B339" s="2" t="s">
        <v>674</v>
      </c>
      <c r="D339" s="2" t="s">
        <v>86</v>
      </c>
      <c r="E339" s="2">
        <v>1</v>
      </c>
    </row>
    <row r="340" spans="1:5" x14ac:dyDescent="0.25">
      <c r="A340" s="2" t="s">
        <v>673</v>
      </c>
      <c r="B340" s="2" t="s">
        <v>675</v>
      </c>
      <c r="D340" s="2" t="s">
        <v>261</v>
      </c>
      <c r="E340" s="2">
        <v>2</v>
      </c>
    </row>
    <row r="341" spans="1:5" x14ac:dyDescent="0.25">
      <c r="A341" s="2" t="s">
        <v>673</v>
      </c>
      <c r="B341" s="2" t="s">
        <v>676</v>
      </c>
      <c r="D341" s="2" t="s">
        <v>454</v>
      </c>
      <c r="E341" s="2">
        <v>3</v>
      </c>
    </row>
    <row r="342" spans="1:5" x14ac:dyDescent="0.25">
      <c r="A342" s="2" t="s">
        <v>673</v>
      </c>
      <c r="B342" s="2" t="s">
        <v>677</v>
      </c>
      <c r="D342" s="2" t="s">
        <v>126</v>
      </c>
      <c r="E342" s="2">
        <v>4</v>
      </c>
    </row>
    <row r="343" spans="1:5" x14ac:dyDescent="0.25">
      <c r="A343" s="2" t="s">
        <v>673</v>
      </c>
      <c r="B343" s="2" t="s">
        <v>678</v>
      </c>
      <c r="D343" s="2" t="s">
        <v>123</v>
      </c>
      <c r="E343" s="2">
        <v>5</v>
      </c>
    </row>
    <row r="344" spans="1:5" x14ac:dyDescent="0.25">
      <c r="A344" s="2" t="s">
        <v>673</v>
      </c>
      <c r="B344" s="2" t="s">
        <v>679</v>
      </c>
      <c r="D344" s="2" t="s">
        <v>87</v>
      </c>
      <c r="E344" s="2">
        <v>6</v>
      </c>
    </row>
    <row r="345" spans="1:5" x14ac:dyDescent="0.25">
      <c r="A345" s="2" t="s">
        <v>673</v>
      </c>
      <c r="B345" s="2" t="s">
        <v>680</v>
      </c>
      <c r="D345" s="2" t="s">
        <v>125</v>
      </c>
      <c r="E345" s="2">
        <v>7</v>
      </c>
    </row>
    <row r="346" spans="1:5" x14ac:dyDescent="0.25">
      <c r="A346" s="2" t="s">
        <v>673</v>
      </c>
      <c r="B346" s="2" t="s">
        <v>681</v>
      </c>
      <c r="D346" s="2" t="s">
        <v>247</v>
      </c>
      <c r="E346" s="2">
        <v>8</v>
      </c>
    </row>
    <row r="347" spans="1:5" x14ac:dyDescent="0.25">
      <c r="A347" s="2" t="s">
        <v>673</v>
      </c>
      <c r="B347" s="2" t="s">
        <v>682</v>
      </c>
      <c r="D347" s="2" t="s">
        <v>133</v>
      </c>
      <c r="E347" s="2">
        <v>9</v>
      </c>
    </row>
    <row r="348" spans="1:5" x14ac:dyDescent="0.25">
      <c r="A348" s="2" t="s">
        <v>673</v>
      </c>
      <c r="B348" s="2" t="s">
        <v>683</v>
      </c>
      <c r="D348" s="2" t="s">
        <v>268</v>
      </c>
      <c r="E348" s="2">
        <v>10</v>
      </c>
    </row>
    <row r="349" spans="1:5" x14ac:dyDescent="0.25">
      <c r="A349" s="2" t="s">
        <v>684</v>
      </c>
      <c r="B349" s="2" t="s">
        <v>655</v>
      </c>
      <c r="C349" s="2" t="s">
        <v>685</v>
      </c>
      <c r="D349" s="2" t="s">
        <v>268</v>
      </c>
      <c r="E349" s="2">
        <v>1</v>
      </c>
    </row>
    <row r="350" spans="1:5" x14ac:dyDescent="0.25">
      <c r="A350" s="2" t="s">
        <v>684</v>
      </c>
      <c r="B350" s="2" t="s">
        <v>686</v>
      </c>
      <c r="C350" s="2" t="s">
        <v>232</v>
      </c>
      <c r="D350" s="2" t="s">
        <v>40</v>
      </c>
      <c r="E350" s="2">
        <v>2</v>
      </c>
    </row>
    <row r="351" spans="1:5" x14ac:dyDescent="0.25">
      <c r="A351" s="2" t="s">
        <v>684</v>
      </c>
      <c r="B351" s="2" t="s">
        <v>369</v>
      </c>
      <c r="C351" s="2" t="s">
        <v>687</v>
      </c>
      <c r="D351" s="2" t="s">
        <v>92</v>
      </c>
      <c r="E351" s="2">
        <v>3</v>
      </c>
    </row>
    <row r="352" spans="1:5" x14ac:dyDescent="0.25">
      <c r="A352" s="2" t="s">
        <v>684</v>
      </c>
      <c r="B352" s="2" t="s">
        <v>167</v>
      </c>
      <c r="C352" s="2" t="s">
        <v>688</v>
      </c>
      <c r="D352" s="2" t="s">
        <v>400</v>
      </c>
      <c r="E352" s="2">
        <v>4</v>
      </c>
    </row>
    <row r="353" spans="1:5" x14ac:dyDescent="0.25">
      <c r="A353" s="2" t="s">
        <v>684</v>
      </c>
      <c r="B353" s="2" t="s">
        <v>689</v>
      </c>
      <c r="C353" s="2" t="s">
        <v>690</v>
      </c>
      <c r="D353" s="2" t="s">
        <v>138</v>
      </c>
      <c r="E353" s="2">
        <v>5</v>
      </c>
    </row>
    <row r="354" spans="1:5" x14ac:dyDescent="0.25">
      <c r="A354" s="2" t="s">
        <v>684</v>
      </c>
      <c r="B354" s="2" t="s">
        <v>691</v>
      </c>
      <c r="C354" s="2" t="s">
        <v>692</v>
      </c>
      <c r="D354" s="2" t="s">
        <v>55</v>
      </c>
      <c r="E354" s="2">
        <v>6</v>
      </c>
    </row>
    <row r="355" spans="1:5" x14ac:dyDescent="0.25">
      <c r="A355" s="2" t="s">
        <v>684</v>
      </c>
      <c r="B355" s="2" t="s">
        <v>202</v>
      </c>
      <c r="C355" s="2" t="s">
        <v>203</v>
      </c>
      <c r="D355" s="2" t="s">
        <v>91</v>
      </c>
      <c r="E355" s="2">
        <v>7</v>
      </c>
    </row>
    <row r="356" spans="1:5" x14ac:dyDescent="0.25">
      <c r="A356" s="2" t="s">
        <v>684</v>
      </c>
      <c r="B356" s="2" t="s">
        <v>693</v>
      </c>
      <c r="C356" s="2" t="s">
        <v>217</v>
      </c>
      <c r="D356" s="2" t="s">
        <v>45</v>
      </c>
      <c r="E356" s="2">
        <v>8</v>
      </c>
    </row>
    <row r="357" spans="1:5" x14ac:dyDescent="0.25">
      <c r="A357" s="2" t="s">
        <v>684</v>
      </c>
      <c r="B357" s="2" t="s">
        <v>694</v>
      </c>
      <c r="C357" s="2" t="s">
        <v>695</v>
      </c>
      <c r="D357" s="2" t="s">
        <v>384</v>
      </c>
      <c r="E357" s="2">
        <v>9</v>
      </c>
    </row>
    <row r="358" spans="1:5" x14ac:dyDescent="0.25">
      <c r="A358" s="2" t="s">
        <v>684</v>
      </c>
      <c r="B358" s="2" t="s">
        <v>159</v>
      </c>
      <c r="C358" s="2" t="s">
        <v>696</v>
      </c>
      <c r="D358" s="2" t="s">
        <v>353</v>
      </c>
      <c r="E358" s="2">
        <v>10</v>
      </c>
    </row>
    <row r="359" spans="1:5" x14ac:dyDescent="0.25">
      <c r="A359" s="2" t="s">
        <v>700</v>
      </c>
      <c r="B359" s="2" t="s">
        <v>49</v>
      </c>
      <c r="C359" s="2" t="s">
        <v>701</v>
      </c>
      <c r="D359" s="2" t="s">
        <v>138</v>
      </c>
      <c r="E359" s="2">
        <v>1</v>
      </c>
    </row>
    <row r="360" spans="1:5" x14ac:dyDescent="0.25">
      <c r="A360" s="2" t="s">
        <v>700</v>
      </c>
      <c r="B360" s="2" t="s">
        <v>702</v>
      </c>
      <c r="C360" s="2" t="s">
        <v>703</v>
      </c>
      <c r="D360" s="2" t="s">
        <v>44</v>
      </c>
      <c r="E360" s="2">
        <v>2</v>
      </c>
    </row>
    <row r="361" spans="1:5" x14ac:dyDescent="0.25">
      <c r="A361" s="2" t="s">
        <v>700</v>
      </c>
      <c r="B361" s="2" t="s">
        <v>704</v>
      </c>
      <c r="C361" s="2" t="s">
        <v>161</v>
      </c>
      <c r="D361" s="2" t="s">
        <v>127</v>
      </c>
      <c r="E361" s="2">
        <v>3</v>
      </c>
    </row>
    <row r="362" spans="1:5" x14ac:dyDescent="0.25">
      <c r="A362" s="2" t="s">
        <v>700</v>
      </c>
      <c r="B362" s="2" t="s">
        <v>199</v>
      </c>
      <c r="C362" s="2" t="s">
        <v>10</v>
      </c>
      <c r="D362" s="2" t="s">
        <v>11</v>
      </c>
      <c r="E362" s="2">
        <v>4</v>
      </c>
    </row>
    <row r="363" spans="1:5" x14ac:dyDescent="0.25">
      <c r="A363" s="2" t="s">
        <v>700</v>
      </c>
      <c r="B363" s="2" t="s">
        <v>705</v>
      </c>
      <c r="C363" s="2" t="s">
        <v>706</v>
      </c>
      <c r="D363" s="2" t="s">
        <v>44</v>
      </c>
      <c r="E363" s="2">
        <v>5</v>
      </c>
    </row>
    <row r="364" spans="1:5" x14ac:dyDescent="0.25">
      <c r="A364" s="2" t="s">
        <v>700</v>
      </c>
      <c r="B364" s="2" t="s">
        <v>707</v>
      </c>
      <c r="C364" s="2" t="s">
        <v>708</v>
      </c>
      <c r="D364" s="2" t="s">
        <v>282</v>
      </c>
      <c r="E364" s="2">
        <v>6</v>
      </c>
    </row>
    <row r="365" spans="1:5" x14ac:dyDescent="0.25">
      <c r="A365" s="2" t="s">
        <v>700</v>
      </c>
      <c r="B365" s="2" t="s">
        <v>709</v>
      </c>
      <c r="C365" s="2" t="s">
        <v>710</v>
      </c>
      <c r="D365" s="2" t="s">
        <v>127</v>
      </c>
      <c r="E365" s="2">
        <v>7</v>
      </c>
    </row>
    <row r="366" spans="1:5" x14ac:dyDescent="0.25">
      <c r="A366" s="2" t="s">
        <v>700</v>
      </c>
      <c r="B366" s="2" t="s">
        <v>711</v>
      </c>
      <c r="C366" s="2" t="s">
        <v>712</v>
      </c>
      <c r="D366" s="2" t="s">
        <v>144</v>
      </c>
      <c r="E366" s="2">
        <v>8</v>
      </c>
    </row>
    <row r="367" spans="1:5" x14ac:dyDescent="0.25">
      <c r="A367" s="2" t="s">
        <v>700</v>
      </c>
      <c r="B367" s="2" t="s">
        <v>713</v>
      </c>
      <c r="C367" s="2" t="s">
        <v>714</v>
      </c>
      <c r="D367" s="2" t="s">
        <v>321</v>
      </c>
      <c r="E367" s="2">
        <v>9</v>
      </c>
    </row>
    <row r="368" spans="1:5" x14ac:dyDescent="0.25">
      <c r="A368" s="2" t="s">
        <v>700</v>
      </c>
      <c r="B368" s="2" t="s">
        <v>715</v>
      </c>
      <c r="C368" s="2" t="s">
        <v>716</v>
      </c>
      <c r="D368" s="2" t="s">
        <v>120</v>
      </c>
      <c r="E368" s="2">
        <v>10</v>
      </c>
    </row>
    <row r="369" spans="1:5" x14ac:dyDescent="0.25">
      <c r="A369" s="2" t="s">
        <v>717</v>
      </c>
      <c r="B369" s="2" t="s">
        <v>143</v>
      </c>
      <c r="C369" s="2" t="s">
        <v>718</v>
      </c>
      <c r="D369" s="2" t="s">
        <v>55</v>
      </c>
      <c r="E369" s="2">
        <v>1</v>
      </c>
    </row>
    <row r="370" spans="1:5" x14ac:dyDescent="0.25">
      <c r="A370" s="2" t="s">
        <v>717</v>
      </c>
      <c r="B370" s="2" t="s">
        <v>719</v>
      </c>
      <c r="C370" s="2" t="s">
        <v>720</v>
      </c>
      <c r="D370" s="2" t="s">
        <v>55</v>
      </c>
      <c r="E370" s="2">
        <v>2</v>
      </c>
    </row>
    <row r="371" spans="1:5" x14ac:dyDescent="0.25">
      <c r="A371" s="2" t="s">
        <v>717</v>
      </c>
      <c r="B371" s="2" t="s">
        <v>721</v>
      </c>
      <c r="C371" s="2" t="s">
        <v>722</v>
      </c>
      <c r="D371" s="2" t="s">
        <v>55</v>
      </c>
      <c r="E371" s="2">
        <v>3</v>
      </c>
    </row>
    <row r="372" spans="1:5" x14ac:dyDescent="0.25">
      <c r="A372" s="2" t="s">
        <v>717</v>
      </c>
      <c r="B372" s="2" t="s">
        <v>137</v>
      </c>
      <c r="C372" s="2" t="s">
        <v>723</v>
      </c>
      <c r="D372" s="2" t="s">
        <v>51</v>
      </c>
      <c r="E372" s="2">
        <v>4</v>
      </c>
    </row>
    <row r="373" spans="1:5" x14ac:dyDescent="0.25">
      <c r="A373" s="2" t="s">
        <v>717</v>
      </c>
      <c r="B373" s="2" t="s">
        <v>81</v>
      </c>
      <c r="C373" s="2" t="s">
        <v>724</v>
      </c>
      <c r="D373" s="2" t="s">
        <v>59</v>
      </c>
      <c r="E373" s="2">
        <v>5</v>
      </c>
    </row>
    <row r="374" spans="1:5" x14ac:dyDescent="0.25">
      <c r="A374" s="2" t="s">
        <v>717</v>
      </c>
      <c r="B374" s="2" t="s">
        <v>725</v>
      </c>
      <c r="C374" s="2" t="s">
        <v>217</v>
      </c>
      <c r="D374" s="2" t="s">
        <v>275</v>
      </c>
      <c r="E374" s="2">
        <v>6</v>
      </c>
    </row>
    <row r="375" spans="1:5" x14ac:dyDescent="0.25">
      <c r="A375" s="2" t="s">
        <v>717</v>
      </c>
      <c r="B375" s="2" t="s">
        <v>726</v>
      </c>
      <c r="C375" s="2" t="s">
        <v>727</v>
      </c>
      <c r="D375" s="2" t="s">
        <v>144</v>
      </c>
      <c r="E375" s="2">
        <v>7</v>
      </c>
    </row>
    <row r="376" spans="1:5" x14ac:dyDescent="0.25">
      <c r="A376" s="2" t="s">
        <v>717</v>
      </c>
      <c r="B376" s="2" t="s">
        <v>484</v>
      </c>
      <c r="C376" s="2" t="s">
        <v>130</v>
      </c>
      <c r="D376" s="2" t="s">
        <v>66</v>
      </c>
      <c r="E376" s="2">
        <v>8</v>
      </c>
    </row>
    <row r="377" spans="1:5" x14ac:dyDescent="0.25">
      <c r="A377" s="2" t="s">
        <v>717</v>
      </c>
      <c r="B377" s="2" t="s">
        <v>370</v>
      </c>
      <c r="C377" s="2" t="s">
        <v>728</v>
      </c>
      <c r="D377" s="2" t="s">
        <v>44</v>
      </c>
      <c r="E377" s="2">
        <v>9</v>
      </c>
    </row>
    <row r="378" spans="1:5" x14ac:dyDescent="0.25">
      <c r="A378" s="2" t="s">
        <v>717</v>
      </c>
      <c r="B378" s="2" t="s">
        <v>729</v>
      </c>
      <c r="C378" s="2" t="s">
        <v>730</v>
      </c>
      <c r="D378" s="2" t="s">
        <v>66</v>
      </c>
      <c r="E378" s="2">
        <v>10</v>
      </c>
    </row>
    <row r="379" spans="1:5" x14ac:dyDescent="0.25">
      <c r="A379" s="2" t="s">
        <v>731</v>
      </c>
      <c r="B379" s="2" t="s">
        <v>239</v>
      </c>
      <c r="C379" s="2" t="s">
        <v>240</v>
      </c>
      <c r="D379" s="2" t="s">
        <v>22</v>
      </c>
      <c r="E379" s="2">
        <v>1</v>
      </c>
    </row>
    <row r="380" spans="1:5" x14ac:dyDescent="0.25">
      <c r="A380" s="2" t="s">
        <v>731</v>
      </c>
      <c r="B380" s="2" t="s">
        <v>732</v>
      </c>
      <c r="C380" s="2" t="s">
        <v>733</v>
      </c>
      <c r="D380" s="2" t="s">
        <v>19</v>
      </c>
      <c r="E380" s="2">
        <v>2</v>
      </c>
    </row>
    <row r="381" spans="1:5" x14ac:dyDescent="0.25">
      <c r="A381" s="2" t="s">
        <v>731</v>
      </c>
      <c r="B381" s="2" t="s">
        <v>179</v>
      </c>
      <c r="C381" s="2" t="s">
        <v>734</v>
      </c>
      <c r="D381" s="2" t="s">
        <v>354</v>
      </c>
      <c r="E381" s="2">
        <v>3</v>
      </c>
    </row>
    <row r="382" spans="1:5" x14ac:dyDescent="0.25">
      <c r="A382" s="2" t="s">
        <v>731</v>
      </c>
      <c r="B382" s="2" t="s">
        <v>47</v>
      </c>
      <c r="C382" s="2" t="s">
        <v>170</v>
      </c>
      <c r="D382" s="2" t="s">
        <v>141</v>
      </c>
      <c r="E382" s="2">
        <v>4</v>
      </c>
    </row>
    <row r="383" spans="1:5" x14ac:dyDescent="0.25">
      <c r="A383" s="2" t="s">
        <v>731</v>
      </c>
      <c r="B383" s="2" t="s">
        <v>303</v>
      </c>
      <c r="C383" s="2" t="s">
        <v>735</v>
      </c>
      <c r="D383" s="2" t="s">
        <v>120</v>
      </c>
      <c r="E383" s="2">
        <v>5</v>
      </c>
    </row>
    <row r="384" spans="1:5" x14ac:dyDescent="0.25">
      <c r="A384" s="2" t="s">
        <v>731</v>
      </c>
      <c r="B384" s="2" t="s">
        <v>736</v>
      </c>
      <c r="C384" s="2" t="s">
        <v>737</v>
      </c>
      <c r="D384" s="2" t="s">
        <v>127</v>
      </c>
      <c r="E384" s="2">
        <v>6</v>
      </c>
    </row>
    <row r="385" spans="1:5" x14ac:dyDescent="0.25">
      <c r="A385" s="2" t="s">
        <v>731</v>
      </c>
      <c r="B385" s="2" t="s">
        <v>575</v>
      </c>
      <c r="C385" s="2" t="s">
        <v>738</v>
      </c>
      <c r="D385" s="2" t="s">
        <v>127</v>
      </c>
      <c r="E385" s="2">
        <v>7</v>
      </c>
    </row>
    <row r="386" spans="1:5" x14ac:dyDescent="0.25">
      <c r="A386" s="2" t="s">
        <v>731</v>
      </c>
      <c r="B386" s="2" t="s">
        <v>199</v>
      </c>
      <c r="C386" s="2" t="s">
        <v>739</v>
      </c>
      <c r="D386" s="2" t="s">
        <v>54</v>
      </c>
      <c r="E386" s="2">
        <v>8</v>
      </c>
    </row>
    <row r="387" spans="1:5" x14ac:dyDescent="0.25">
      <c r="A387" s="2" t="s">
        <v>731</v>
      </c>
      <c r="B387" s="2" t="s">
        <v>221</v>
      </c>
      <c r="C387" s="2" t="s">
        <v>222</v>
      </c>
      <c r="D387" s="2" t="s">
        <v>173</v>
      </c>
      <c r="E387" s="2">
        <v>9</v>
      </c>
    </row>
    <row r="388" spans="1:5" x14ac:dyDescent="0.25">
      <c r="A388" s="2" t="s">
        <v>731</v>
      </c>
      <c r="B388" s="2" t="s">
        <v>428</v>
      </c>
      <c r="C388" s="2" t="s">
        <v>740</v>
      </c>
      <c r="D388" s="2" t="s">
        <v>496</v>
      </c>
      <c r="E388" s="2">
        <v>10</v>
      </c>
    </row>
    <row r="389" spans="1:5" x14ac:dyDescent="0.25">
      <c r="A389" s="2" t="s">
        <v>741</v>
      </c>
      <c r="B389" s="2" t="s">
        <v>90</v>
      </c>
      <c r="C389" s="2" t="s">
        <v>742</v>
      </c>
      <c r="D389" s="2" t="s">
        <v>66</v>
      </c>
      <c r="E389" s="2">
        <v>1</v>
      </c>
    </row>
    <row r="390" spans="1:5" x14ac:dyDescent="0.25">
      <c r="A390" s="2" t="s">
        <v>741</v>
      </c>
      <c r="B390" s="2" t="s">
        <v>181</v>
      </c>
      <c r="C390" s="2" t="s">
        <v>743</v>
      </c>
      <c r="D390" s="2" t="s">
        <v>102</v>
      </c>
      <c r="E390" s="2">
        <v>2</v>
      </c>
    </row>
    <row r="391" spans="1:5" x14ac:dyDescent="0.25">
      <c r="A391" s="2" t="s">
        <v>741</v>
      </c>
      <c r="B391" s="2" t="s">
        <v>181</v>
      </c>
      <c r="C391" s="2" t="s">
        <v>65</v>
      </c>
      <c r="D391" s="2" t="s">
        <v>261</v>
      </c>
      <c r="E391" s="2">
        <v>3</v>
      </c>
    </row>
    <row r="392" spans="1:5" x14ac:dyDescent="0.25">
      <c r="A392" s="2" t="s">
        <v>741</v>
      </c>
      <c r="B392" s="2" t="s">
        <v>183</v>
      </c>
      <c r="C392" s="2" t="s">
        <v>744</v>
      </c>
      <c r="D392" s="2" t="s">
        <v>209</v>
      </c>
      <c r="E392" s="2">
        <v>4</v>
      </c>
    </row>
    <row r="393" spans="1:5" x14ac:dyDescent="0.25">
      <c r="A393" s="2" t="s">
        <v>741</v>
      </c>
      <c r="B393" s="2" t="s">
        <v>137</v>
      </c>
      <c r="C393" s="2" t="s">
        <v>745</v>
      </c>
      <c r="D393" s="2" t="s">
        <v>261</v>
      </c>
      <c r="E393" s="2">
        <v>5</v>
      </c>
    </row>
    <row r="394" spans="1:5" x14ac:dyDescent="0.25">
      <c r="A394" s="2" t="s">
        <v>741</v>
      </c>
      <c r="B394" s="2" t="s">
        <v>167</v>
      </c>
      <c r="C394" s="2" t="s">
        <v>746</v>
      </c>
      <c r="D394" s="2" t="s">
        <v>85</v>
      </c>
      <c r="E394" s="2">
        <v>6</v>
      </c>
    </row>
    <row r="395" spans="1:5" x14ac:dyDescent="0.25">
      <c r="A395" s="2" t="s">
        <v>741</v>
      </c>
      <c r="B395" s="2" t="s">
        <v>654</v>
      </c>
      <c r="C395" s="2" t="s">
        <v>747</v>
      </c>
      <c r="D395" s="2" t="s">
        <v>204</v>
      </c>
      <c r="E395" s="2">
        <v>7</v>
      </c>
    </row>
    <row r="396" spans="1:5" x14ac:dyDescent="0.25">
      <c r="A396" s="2" t="s">
        <v>741</v>
      </c>
      <c r="B396" s="2" t="s">
        <v>748</v>
      </c>
      <c r="C396" s="2" t="s">
        <v>749</v>
      </c>
      <c r="D396" s="2" t="s">
        <v>228</v>
      </c>
      <c r="E396" s="2">
        <v>8</v>
      </c>
    </row>
    <row r="397" spans="1:5" x14ac:dyDescent="0.25">
      <c r="A397" s="2" t="s">
        <v>741</v>
      </c>
      <c r="B397" s="2" t="s">
        <v>167</v>
      </c>
      <c r="C397" s="2" t="s">
        <v>750</v>
      </c>
      <c r="D397" s="2" t="s">
        <v>282</v>
      </c>
      <c r="E397" s="2">
        <v>9</v>
      </c>
    </row>
    <row r="398" spans="1:5" x14ac:dyDescent="0.25">
      <c r="A398" s="2" t="s">
        <v>741</v>
      </c>
      <c r="B398" s="2" t="s">
        <v>243</v>
      </c>
      <c r="C398" s="2" t="s">
        <v>751</v>
      </c>
      <c r="D398" s="2" t="s">
        <v>282</v>
      </c>
      <c r="E398" s="2">
        <v>10</v>
      </c>
    </row>
    <row r="399" spans="1:5" x14ac:dyDescent="0.25">
      <c r="A399" s="2" t="s">
        <v>752</v>
      </c>
      <c r="B399" s="2" t="s">
        <v>223</v>
      </c>
      <c r="C399" s="2" t="s">
        <v>132</v>
      </c>
      <c r="D399" s="2" t="s">
        <v>114</v>
      </c>
      <c r="E399" s="2">
        <v>1</v>
      </c>
    </row>
    <row r="400" spans="1:5" x14ac:dyDescent="0.25">
      <c r="A400" s="2" t="s">
        <v>752</v>
      </c>
      <c r="B400" s="2" t="s">
        <v>753</v>
      </c>
      <c r="C400" s="2" t="s">
        <v>754</v>
      </c>
      <c r="D400" s="2" t="s">
        <v>114</v>
      </c>
      <c r="E400" s="2">
        <v>2</v>
      </c>
    </row>
    <row r="401" spans="1:5" x14ac:dyDescent="0.25">
      <c r="A401" s="2" t="s">
        <v>752</v>
      </c>
      <c r="B401" s="2" t="s">
        <v>755</v>
      </c>
      <c r="C401" s="2" t="s">
        <v>756</v>
      </c>
      <c r="D401" s="2" t="s">
        <v>228</v>
      </c>
      <c r="E401" s="2">
        <v>3</v>
      </c>
    </row>
    <row r="402" spans="1:5" x14ac:dyDescent="0.25">
      <c r="A402" s="2" t="s">
        <v>752</v>
      </c>
      <c r="B402" s="2" t="s">
        <v>106</v>
      </c>
      <c r="C402" s="2" t="s">
        <v>757</v>
      </c>
      <c r="D402" s="2" t="s">
        <v>454</v>
      </c>
      <c r="E402" s="2">
        <v>4</v>
      </c>
    </row>
    <row r="403" spans="1:5" x14ac:dyDescent="0.25">
      <c r="A403" s="2" t="s">
        <v>752</v>
      </c>
      <c r="B403" s="2" t="s">
        <v>758</v>
      </c>
      <c r="C403" s="2" t="s">
        <v>759</v>
      </c>
      <c r="D403" s="2" t="s">
        <v>268</v>
      </c>
      <c r="E403" s="2">
        <v>5</v>
      </c>
    </row>
    <row r="404" spans="1:5" x14ac:dyDescent="0.25">
      <c r="A404" s="2" t="s">
        <v>752</v>
      </c>
      <c r="B404" s="2" t="s">
        <v>760</v>
      </c>
      <c r="C404" s="2" t="s">
        <v>113</v>
      </c>
      <c r="D404" s="2" t="s">
        <v>114</v>
      </c>
      <c r="E404" s="2">
        <v>6</v>
      </c>
    </row>
    <row r="405" spans="1:5" x14ac:dyDescent="0.25">
      <c r="A405" s="2" t="s">
        <v>752</v>
      </c>
      <c r="B405" s="2" t="s">
        <v>159</v>
      </c>
      <c r="C405" s="2" t="s">
        <v>761</v>
      </c>
      <c r="D405" s="2" t="s">
        <v>591</v>
      </c>
      <c r="E405" s="2">
        <v>7</v>
      </c>
    </row>
    <row r="406" spans="1:5" x14ac:dyDescent="0.25">
      <c r="A406" s="2" t="s">
        <v>752</v>
      </c>
      <c r="B406" s="2" t="s">
        <v>762</v>
      </c>
      <c r="C406" s="2" t="s">
        <v>763</v>
      </c>
      <c r="D406" s="2" t="s">
        <v>111</v>
      </c>
      <c r="E406" s="2">
        <v>8</v>
      </c>
    </row>
    <row r="407" spans="1:5" x14ac:dyDescent="0.25">
      <c r="A407" s="2" t="s">
        <v>752</v>
      </c>
      <c r="B407" s="2" t="s">
        <v>200</v>
      </c>
      <c r="C407" s="2" t="s">
        <v>201</v>
      </c>
      <c r="D407" s="2" t="s">
        <v>91</v>
      </c>
      <c r="E407" s="2">
        <v>9</v>
      </c>
    </row>
    <row r="408" spans="1:5" x14ac:dyDescent="0.25">
      <c r="A408" s="2" t="s">
        <v>752</v>
      </c>
      <c r="B408" s="2" t="s">
        <v>216</v>
      </c>
      <c r="C408" s="2" t="s">
        <v>764</v>
      </c>
      <c r="D408" s="2" t="s">
        <v>142</v>
      </c>
      <c r="E408" s="2">
        <v>10</v>
      </c>
    </row>
    <row r="409" spans="1:5" x14ac:dyDescent="0.25">
      <c r="A409" s="2" t="s">
        <v>765</v>
      </c>
      <c r="B409" s="2" t="s">
        <v>575</v>
      </c>
      <c r="C409" s="2" t="s">
        <v>766</v>
      </c>
      <c r="D409" s="2" t="s">
        <v>171</v>
      </c>
      <c r="E409" s="2">
        <v>1</v>
      </c>
    </row>
    <row r="410" spans="1:5" x14ac:dyDescent="0.25">
      <c r="A410" s="2" t="s">
        <v>765</v>
      </c>
      <c r="B410" s="2" t="s">
        <v>221</v>
      </c>
      <c r="C410" s="2" t="s">
        <v>767</v>
      </c>
      <c r="D410" s="2" t="s">
        <v>228</v>
      </c>
      <c r="E410" s="2">
        <v>2</v>
      </c>
    </row>
    <row r="411" spans="1:5" x14ac:dyDescent="0.25">
      <c r="A411" s="2" t="s">
        <v>765</v>
      </c>
      <c r="B411" s="2" t="s">
        <v>49</v>
      </c>
      <c r="C411" s="2" t="s">
        <v>768</v>
      </c>
      <c r="D411" s="2" t="s">
        <v>51</v>
      </c>
      <c r="E411" s="2">
        <v>3</v>
      </c>
    </row>
    <row r="412" spans="1:5" x14ac:dyDescent="0.25">
      <c r="A412" s="2" t="s">
        <v>765</v>
      </c>
      <c r="B412" s="2" t="s">
        <v>769</v>
      </c>
      <c r="C412" s="2" t="s">
        <v>770</v>
      </c>
      <c r="D412" s="2" t="s">
        <v>54</v>
      </c>
      <c r="E412" s="2">
        <v>4</v>
      </c>
    </row>
    <row r="413" spans="1:5" x14ac:dyDescent="0.25">
      <c r="A413" s="2" t="s">
        <v>765</v>
      </c>
      <c r="B413" s="2" t="s">
        <v>213</v>
      </c>
      <c r="C413" s="2" t="s">
        <v>771</v>
      </c>
      <c r="D413" s="2" t="s">
        <v>772</v>
      </c>
      <c r="E413" s="2">
        <v>5</v>
      </c>
    </row>
    <row r="414" spans="1:5" x14ac:dyDescent="0.25">
      <c r="A414" s="2" t="s">
        <v>765</v>
      </c>
      <c r="B414" s="2" t="s">
        <v>143</v>
      </c>
      <c r="C414" s="2" t="s">
        <v>773</v>
      </c>
      <c r="D414" s="2" t="s">
        <v>386</v>
      </c>
      <c r="E414" s="2">
        <v>6</v>
      </c>
    </row>
    <row r="415" spans="1:5" x14ac:dyDescent="0.25">
      <c r="A415" s="2" t="s">
        <v>765</v>
      </c>
      <c r="B415" s="2" t="s">
        <v>139</v>
      </c>
      <c r="C415" s="2" t="s">
        <v>774</v>
      </c>
      <c r="D415" s="2" t="s">
        <v>273</v>
      </c>
      <c r="E415" s="2">
        <v>7</v>
      </c>
    </row>
    <row r="416" spans="1:5" x14ac:dyDescent="0.25">
      <c r="A416" s="2" t="s">
        <v>765</v>
      </c>
      <c r="B416" s="2" t="s">
        <v>775</v>
      </c>
      <c r="C416" s="2" t="s">
        <v>776</v>
      </c>
      <c r="D416" s="2" t="s">
        <v>120</v>
      </c>
      <c r="E416" s="2">
        <v>8</v>
      </c>
    </row>
    <row r="417" spans="1:5" x14ac:dyDescent="0.25">
      <c r="A417" s="2" t="s">
        <v>765</v>
      </c>
      <c r="B417" s="2" t="s">
        <v>699</v>
      </c>
      <c r="C417" s="2" t="s">
        <v>777</v>
      </c>
      <c r="D417" s="2" t="s">
        <v>204</v>
      </c>
      <c r="E417" s="2">
        <v>9</v>
      </c>
    </row>
    <row r="418" spans="1:5" x14ac:dyDescent="0.25">
      <c r="A418" s="2" t="s">
        <v>765</v>
      </c>
      <c r="B418" s="2" t="s">
        <v>694</v>
      </c>
      <c r="C418" s="2" t="s">
        <v>778</v>
      </c>
      <c r="D418" s="2" t="s">
        <v>321</v>
      </c>
      <c r="E418" s="2">
        <v>10</v>
      </c>
    </row>
    <row r="419" spans="1:5" x14ac:dyDescent="0.25">
      <c r="A419" s="2" t="s">
        <v>781</v>
      </c>
      <c r="B419" s="2" t="s">
        <v>782</v>
      </c>
      <c r="D419" s="2" t="s">
        <v>372</v>
      </c>
      <c r="E419" s="2">
        <v>1</v>
      </c>
    </row>
    <row r="420" spans="1:5" x14ac:dyDescent="0.25">
      <c r="A420" s="2" t="s">
        <v>781</v>
      </c>
      <c r="B420" s="2" t="s">
        <v>783</v>
      </c>
      <c r="D420" s="2" t="s">
        <v>123</v>
      </c>
      <c r="E420" s="2">
        <v>2</v>
      </c>
    </row>
    <row r="421" spans="1:5" x14ac:dyDescent="0.25">
      <c r="A421" s="2" t="s">
        <v>781</v>
      </c>
      <c r="B421" s="2" t="s">
        <v>784</v>
      </c>
      <c r="D421" s="2" t="s">
        <v>111</v>
      </c>
      <c r="E421" s="2">
        <v>3</v>
      </c>
    </row>
    <row r="422" spans="1:5" x14ac:dyDescent="0.25">
      <c r="A422" s="2" t="s">
        <v>781</v>
      </c>
      <c r="B422" s="2" t="s">
        <v>785</v>
      </c>
      <c r="D422" s="2" t="s">
        <v>69</v>
      </c>
      <c r="E422" s="2">
        <v>4</v>
      </c>
    </row>
    <row r="423" spans="1:5" x14ac:dyDescent="0.25">
      <c r="A423" s="2" t="s">
        <v>781</v>
      </c>
      <c r="B423" s="2" t="s">
        <v>786</v>
      </c>
      <c r="D423" s="2" t="s">
        <v>54</v>
      </c>
      <c r="E423" s="2">
        <v>5</v>
      </c>
    </row>
    <row r="424" spans="1:5" x14ac:dyDescent="0.25">
      <c r="A424" s="2" t="s">
        <v>781</v>
      </c>
      <c r="B424" s="2" t="s">
        <v>787</v>
      </c>
      <c r="D424" s="2" t="s">
        <v>84</v>
      </c>
      <c r="E424" s="2">
        <v>6</v>
      </c>
    </row>
    <row r="425" spans="1:5" x14ac:dyDescent="0.25">
      <c r="A425" s="2" t="s">
        <v>781</v>
      </c>
      <c r="B425" s="2" t="s">
        <v>788</v>
      </c>
      <c r="D425" s="2" t="s">
        <v>53</v>
      </c>
      <c r="E425" s="2">
        <v>7</v>
      </c>
    </row>
    <row r="426" spans="1:5" x14ac:dyDescent="0.25">
      <c r="A426" s="2" t="s">
        <v>781</v>
      </c>
      <c r="B426" s="2" t="s">
        <v>789</v>
      </c>
      <c r="D426" s="2" t="s">
        <v>141</v>
      </c>
      <c r="E426" s="2">
        <v>8</v>
      </c>
    </row>
    <row r="427" spans="1:5" x14ac:dyDescent="0.25">
      <c r="A427" s="2" t="s">
        <v>781</v>
      </c>
      <c r="B427" s="2" t="s">
        <v>790</v>
      </c>
      <c r="D427" s="2" t="s">
        <v>16</v>
      </c>
      <c r="E427" s="2">
        <v>9</v>
      </c>
    </row>
    <row r="428" spans="1:5" x14ac:dyDescent="0.25">
      <c r="A428" s="2" t="s">
        <v>781</v>
      </c>
      <c r="B428" s="2" t="s">
        <v>791</v>
      </c>
      <c r="D428" s="2" t="s">
        <v>22</v>
      </c>
      <c r="E428" s="2">
        <v>10</v>
      </c>
    </row>
    <row r="429" spans="1:5" x14ac:dyDescent="0.25">
      <c r="A429" s="2" t="s">
        <v>792</v>
      </c>
      <c r="B429" s="2" t="s">
        <v>793</v>
      </c>
      <c r="D429" s="2" t="s">
        <v>591</v>
      </c>
      <c r="E429" s="2">
        <v>1</v>
      </c>
    </row>
    <row r="430" spans="1:5" x14ac:dyDescent="0.25">
      <c r="A430" s="2" t="s">
        <v>792</v>
      </c>
      <c r="B430" s="2" t="s">
        <v>794</v>
      </c>
      <c r="D430" s="2" t="s">
        <v>125</v>
      </c>
      <c r="E430" s="2">
        <v>2</v>
      </c>
    </row>
    <row r="431" spans="1:5" x14ac:dyDescent="0.25">
      <c r="A431" s="2" t="s">
        <v>792</v>
      </c>
      <c r="B431" s="2" t="s">
        <v>795</v>
      </c>
      <c r="D431" s="2" t="s">
        <v>45</v>
      </c>
      <c r="E431" s="2">
        <v>3</v>
      </c>
    </row>
    <row r="432" spans="1:5" x14ac:dyDescent="0.25">
      <c r="A432" s="2" t="s">
        <v>792</v>
      </c>
      <c r="B432" s="2" t="s">
        <v>796</v>
      </c>
      <c r="D432" s="2" t="s">
        <v>8</v>
      </c>
      <c r="E432" s="2">
        <v>4</v>
      </c>
    </row>
    <row r="433" spans="1:5" x14ac:dyDescent="0.25">
      <c r="A433" s="2" t="s">
        <v>792</v>
      </c>
      <c r="B433" s="2" t="s">
        <v>797</v>
      </c>
      <c r="D433" s="2" t="s">
        <v>44</v>
      </c>
      <c r="E433" s="2">
        <v>5</v>
      </c>
    </row>
    <row r="434" spans="1:5" x14ac:dyDescent="0.25">
      <c r="A434" s="2" t="s">
        <v>792</v>
      </c>
      <c r="B434" s="2" t="s">
        <v>798</v>
      </c>
      <c r="D434" s="2" t="s">
        <v>253</v>
      </c>
      <c r="E434" s="2">
        <v>6</v>
      </c>
    </row>
    <row r="435" spans="1:5" x14ac:dyDescent="0.25">
      <c r="A435" s="2" t="s">
        <v>792</v>
      </c>
      <c r="B435" s="2" t="s">
        <v>799</v>
      </c>
      <c r="D435" s="2" t="s">
        <v>125</v>
      </c>
      <c r="E435" s="2">
        <v>7</v>
      </c>
    </row>
    <row r="436" spans="1:5" x14ac:dyDescent="0.25">
      <c r="A436" s="2" t="s">
        <v>792</v>
      </c>
      <c r="B436" s="2" t="s">
        <v>800</v>
      </c>
      <c r="D436" s="2" t="s">
        <v>54</v>
      </c>
      <c r="E436" s="2">
        <v>8</v>
      </c>
    </row>
    <row r="437" spans="1:5" x14ac:dyDescent="0.25">
      <c r="A437" s="2" t="s">
        <v>792</v>
      </c>
      <c r="B437" s="2" t="s">
        <v>801</v>
      </c>
      <c r="D437" s="2" t="s">
        <v>282</v>
      </c>
      <c r="E437" s="2">
        <v>9</v>
      </c>
    </row>
    <row r="438" spans="1:5" x14ac:dyDescent="0.25">
      <c r="A438" s="2" t="s">
        <v>792</v>
      </c>
      <c r="B438" s="2" t="s">
        <v>802</v>
      </c>
      <c r="D438" s="2" t="s">
        <v>385</v>
      </c>
      <c r="E438" s="2">
        <v>10</v>
      </c>
    </row>
    <row r="439" spans="1:5" x14ac:dyDescent="0.25">
      <c r="A439" s="2" t="s">
        <v>804</v>
      </c>
      <c r="B439" s="2" t="s">
        <v>805</v>
      </c>
      <c r="D439" s="2" t="s">
        <v>55</v>
      </c>
      <c r="E439" s="2">
        <v>1</v>
      </c>
    </row>
    <row r="440" spans="1:5" x14ac:dyDescent="0.25">
      <c r="A440" s="2" t="s">
        <v>804</v>
      </c>
      <c r="B440" s="2" t="s">
        <v>806</v>
      </c>
      <c r="D440" s="2" t="s">
        <v>85</v>
      </c>
      <c r="E440" s="2">
        <v>2</v>
      </c>
    </row>
    <row r="441" spans="1:5" x14ac:dyDescent="0.25">
      <c r="A441" s="2" t="s">
        <v>804</v>
      </c>
      <c r="B441" s="2" t="s">
        <v>807</v>
      </c>
      <c r="D441" s="2" t="s">
        <v>85</v>
      </c>
      <c r="E441" s="2">
        <v>3</v>
      </c>
    </row>
    <row r="442" spans="1:5" x14ac:dyDescent="0.25">
      <c r="A442" s="2" t="s">
        <v>804</v>
      </c>
      <c r="B442" s="2" t="s">
        <v>808</v>
      </c>
      <c r="D442" s="2" t="s">
        <v>236</v>
      </c>
      <c r="E442" s="2">
        <v>4</v>
      </c>
    </row>
    <row r="443" spans="1:5" x14ac:dyDescent="0.25">
      <c r="A443" s="2" t="s">
        <v>804</v>
      </c>
      <c r="B443" s="2" t="s">
        <v>809</v>
      </c>
      <c r="D443" s="2" t="s">
        <v>268</v>
      </c>
      <c r="E443" s="2">
        <v>5</v>
      </c>
    </row>
    <row r="444" spans="1:5" x14ac:dyDescent="0.25">
      <c r="A444" s="2" t="s">
        <v>804</v>
      </c>
      <c r="B444" s="2" t="s">
        <v>810</v>
      </c>
      <c r="D444" s="2" t="s">
        <v>165</v>
      </c>
      <c r="E444" s="2">
        <v>6</v>
      </c>
    </row>
    <row r="445" spans="1:5" x14ac:dyDescent="0.25">
      <c r="A445" s="2" t="s">
        <v>804</v>
      </c>
      <c r="B445" s="2" t="s">
        <v>811</v>
      </c>
      <c r="D445" s="2" t="s">
        <v>207</v>
      </c>
      <c r="E445" s="2">
        <v>7</v>
      </c>
    </row>
    <row r="446" spans="1:5" x14ac:dyDescent="0.25">
      <c r="A446" s="2" t="s">
        <v>804</v>
      </c>
      <c r="B446" s="2" t="s">
        <v>812</v>
      </c>
      <c r="D446" s="2" t="s">
        <v>54</v>
      </c>
      <c r="E446" s="2">
        <v>8</v>
      </c>
    </row>
    <row r="447" spans="1:5" x14ac:dyDescent="0.25">
      <c r="A447" s="2" t="s">
        <v>804</v>
      </c>
      <c r="B447" s="2" t="s">
        <v>813</v>
      </c>
      <c r="D447" s="2" t="s">
        <v>37</v>
      </c>
      <c r="E447" s="2">
        <v>9</v>
      </c>
    </row>
    <row r="448" spans="1:5" x14ac:dyDescent="0.25">
      <c r="A448" s="2" t="s">
        <v>804</v>
      </c>
      <c r="B448" s="2" t="s">
        <v>814</v>
      </c>
      <c r="D448" s="2" t="s">
        <v>165</v>
      </c>
      <c r="E448" s="2">
        <v>10</v>
      </c>
    </row>
    <row r="449" spans="1:5" x14ac:dyDescent="0.25">
      <c r="A449" s="2" t="s">
        <v>815</v>
      </c>
      <c r="B449" s="2" t="s">
        <v>816</v>
      </c>
      <c r="D449" s="2" t="s">
        <v>171</v>
      </c>
      <c r="E449" s="2">
        <v>1</v>
      </c>
    </row>
    <row r="450" spans="1:5" x14ac:dyDescent="0.25">
      <c r="A450" s="2" t="s">
        <v>815</v>
      </c>
      <c r="B450" s="2" t="s">
        <v>817</v>
      </c>
      <c r="D450" s="2" t="s">
        <v>253</v>
      </c>
      <c r="E450" s="2">
        <v>2</v>
      </c>
    </row>
    <row r="451" spans="1:5" x14ac:dyDescent="0.25">
      <c r="A451" s="2" t="s">
        <v>815</v>
      </c>
      <c r="B451" s="2" t="s">
        <v>818</v>
      </c>
      <c r="D451" s="2" t="s">
        <v>28</v>
      </c>
      <c r="E451" s="2">
        <v>3</v>
      </c>
    </row>
    <row r="452" spans="1:5" x14ac:dyDescent="0.25">
      <c r="A452" s="2" t="s">
        <v>815</v>
      </c>
      <c r="B452" s="2" t="s">
        <v>819</v>
      </c>
      <c r="D452" s="2" t="s">
        <v>125</v>
      </c>
      <c r="E452" s="2">
        <v>4</v>
      </c>
    </row>
    <row r="453" spans="1:5" x14ac:dyDescent="0.25">
      <c r="A453" s="2" t="s">
        <v>815</v>
      </c>
      <c r="B453" s="2" t="s">
        <v>820</v>
      </c>
      <c r="D453" s="2" t="s">
        <v>253</v>
      </c>
      <c r="E453" s="2">
        <v>5</v>
      </c>
    </row>
    <row r="454" spans="1:5" x14ac:dyDescent="0.25">
      <c r="A454" s="2" t="s">
        <v>815</v>
      </c>
      <c r="B454" s="2" t="s">
        <v>821</v>
      </c>
      <c r="D454" s="2" t="s">
        <v>8</v>
      </c>
      <c r="E454" s="2">
        <v>6</v>
      </c>
    </row>
    <row r="455" spans="1:5" x14ac:dyDescent="0.25">
      <c r="A455" s="2" t="s">
        <v>815</v>
      </c>
      <c r="B455" s="2" t="s">
        <v>822</v>
      </c>
      <c r="D455" s="2" t="s">
        <v>80</v>
      </c>
      <c r="E455" s="2">
        <v>7</v>
      </c>
    </row>
    <row r="456" spans="1:5" x14ac:dyDescent="0.25">
      <c r="A456" s="2" t="s">
        <v>815</v>
      </c>
      <c r="B456" s="2" t="s">
        <v>823</v>
      </c>
      <c r="D456" s="2" t="s">
        <v>8</v>
      </c>
      <c r="E456" s="2">
        <v>8</v>
      </c>
    </row>
    <row r="457" spans="1:5" x14ac:dyDescent="0.25">
      <c r="A457" s="2" t="s">
        <v>815</v>
      </c>
      <c r="B457" s="2" t="s">
        <v>824</v>
      </c>
      <c r="D457" s="2" t="s">
        <v>127</v>
      </c>
      <c r="E457" s="2">
        <v>9</v>
      </c>
    </row>
    <row r="458" spans="1:5" x14ac:dyDescent="0.25">
      <c r="A458" s="2" t="s">
        <v>815</v>
      </c>
      <c r="B458" s="2" t="s">
        <v>825</v>
      </c>
      <c r="D458" s="2" t="s">
        <v>555</v>
      </c>
      <c r="E458" s="2">
        <v>10</v>
      </c>
    </row>
    <row r="459" spans="1:5" x14ac:dyDescent="0.25">
      <c r="A459" s="2" t="s">
        <v>827</v>
      </c>
      <c r="B459" s="2" t="s">
        <v>828</v>
      </c>
      <c r="D459" s="2" t="s">
        <v>69</v>
      </c>
      <c r="E459" s="2">
        <v>1</v>
      </c>
    </row>
    <row r="460" spans="1:5" x14ac:dyDescent="0.25">
      <c r="A460" s="2" t="s">
        <v>827</v>
      </c>
      <c r="B460" s="2" t="s">
        <v>829</v>
      </c>
      <c r="D460" s="2" t="s">
        <v>41</v>
      </c>
      <c r="E460" s="2">
        <v>2</v>
      </c>
    </row>
    <row r="461" spans="1:5" x14ac:dyDescent="0.25">
      <c r="A461" s="2" t="s">
        <v>827</v>
      </c>
      <c r="B461" s="2" t="s">
        <v>830</v>
      </c>
      <c r="D461" s="2" t="s">
        <v>41</v>
      </c>
      <c r="E461" s="2">
        <v>3</v>
      </c>
    </row>
    <row r="462" spans="1:5" x14ac:dyDescent="0.25">
      <c r="A462" s="2" t="s">
        <v>827</v>
      </c>
      <c r="B462" s="2" t="s">
        <v>831</v>
      </c>
      <c r="D462" s="2" t="s">
        <v>126</v>
      </c>
      <c r="E462" s="2">
        <v>4</v>
      </c>
    </row>
    <row r="463" spans="1:5" x14ac:dyDescent="0.25">
      <c r="A463" s="2" t="s">
        <v>832</v>
      </c>
      <c r="B463" s="2" t="s">
        <v>833</v>
      </c>
      <c r="D463" s="2" t="s">
        <v>496</v>
      </c>
      <c r="E463" s="2">
        <v>1</v>
      </c>
    </row>
    <row r="464" spans="1:5" x14ac:dyDescent="0.25">
      <c r="A464" s="2" t="s">
        <v>832</v>
      </c>
      <c r="B464" s="2" t="s">
        <v>834</v>
      </c>
      <c r="D464" s="2" t="s">
        <v>72</v>
      </c>
      <c r="E464" s="2">
        <v>2</v>
      </c>
    </row>
    <row r="465" spans="1:5" x14ac:dyDescent="0.25">
      <c r="A465" s="2" t="s">
        <v>832</v>
      </c>
      <c r="B465" s="2" t="s">
        <v>835</v>
      </c>
      <c r="D465" s="2" t="s">
        <v>489</v>
      </c>
      <c r="E465" s="2">
        <v>3</v>
      </c>
    </row>
    <row r="466" spans="1:5" x14ac:dyDescent="0.25">
      <c r="A466" s="2" t="s">
        <v>832</v>
      </c>
      <c r="B466" s="2" t="s">
        <v>836</v>
      </c>
      <c r="D466" s="2" t="s">
        <v>41</v>
      </c>
      <c r="E466" s="2">
        <v>4</v>
      </c>
    </row>
    <row r="467" spans="1:5" x14ac:dyDescent="0.25">
      <c r="A467" s="2" t="s">
        <v>832</v>
      </c>
      <c r="B467" s="2" t="s">
        <v>837</v>
      </c>
      <c r="D467" s="2" t="s">
        <v>352</v>
      </c>
      <c r="E467" s="2">
        <v>5</v>
      </c>
    </row>
    <row r="468" spans="1:5" x14ac:dyDescent="0.25">
      <c r="A468" s="2" t="s">
        <v>832</v>
      </c>
      <c r="B468" s="2" t="s">
        <v>838</v>
      </c>
      <c r="D468" s="2" t="s">
        <v>69</v>
      </c>
      <c r="E468" s="2">
        <v>6</v>
      </c>
    </row>
    <row r="469" spans="1:5" x14ac:dyDescent="0.25">
      <c r="A469" s="2" t="s">
        <v>832</v>
      </c>
      <c r="B469" s="2" t="s">
        <v>839</v>
      </c>
      <c r="D469" s="2" t="s">
        <v>271</v>
      </c>
      <c r="E469" s="2">
        <v>7</v>
      </c>
    </row>
    <row r="470" spans="1:5" x14ac:dyDescent="0.25">
      <c r="A470" s="2" t="s">
        <v>832</v>
      </c>
      <c r="B470" s="2" t="s">
        <v>840</v>
      </c>
      <c r="D470" s="2" t="s">
        <v>259</v>
      </c>
      <c r="E470" s="2">
        <v>8</v>
      </c>
    </row>
    <row r="471" spans="1:5" x14ac:dyDescent="0.25">
      <c r="A471" s="2" t="s">
        <v>841</v>
      </c>
      <c r="B471" s="2" t="s">
        <v>172</v>
      </c>
      <c r="C471" s="2" t="s">
        <v>842</v>
      </c>
      <c r="D471" s="2" t="s">
        <v>343</v>
      </c>
      <c r="E471" s="2">
        <v>1</v>
      </c>
    </row>
    <row r="472" spans="1:5" x14ac:dyDescent="0.25">
      <c r="A472" s="2" t="s">
        <v>841</v>
      </c>
      <c r="B472" s="2" t="s">
        <v>180</v>
      </c>
      <c r="C472" s="2" t="s">
        <v>843</v>
      </c>
      <c r="D472" s="2" t="s">
        <v>123</v>
      </c>
      <c r="E472" s="2">
        <v>2</v>
      </c>
    </row>
    <row r="473" spans="1:5" x14ac:dyDescent="0.25">
      <c r="A473" s="2" t="s">
        <v>841</v>
      </c>
      <c r="B473" s="2" t="s">
        <v>369</v>
      </c>
      <c r="C473" s="2" t="s">
        <v>844</v>
      </c>
      <c r="D473" s="2" t="s">
        <v>123</v>
      </c>
      <c r="E473" s="2">
        <v>3</v>
      </c>
    </row>
    <row r="474" spans="1:5" x14ac:dyDescent="0.25">
      <c r="A474" s="2" t="s">
        <v>841</v>
      </c>
      <c r="B474" s="2" t="s">
        <v>90</v>
      </c>
      <c r="C474" s="2" t="s">
        <v>845</v>
      </c>
      <c r="D474" s="2" t="s">
        <v>108</v>
      </c>
      <c r="E474" s="2">
        <v>4</v>
      </c>
    </row>
    <row r="475" spans="1:5" x14ac:dyDescent="0.25">
      <c r="A475" s="2" t="s">
        <v>841</v>
      </c>
      <c r="B475" s="2" t="s">
        <v>846</v>
      </c>
      <c r="C475" s="2" t="s">
        <v>847</v>
      </c>
      <c r="D475" s="2" t="s">
        <v>372</v>
      </c>
      <c r="E475" s="2">
        <v>5</v>
      </c>
    </row>
    <row r="476" spans="1:5" x14ac:dyDescent="0.25">
      <c r="A476" s="2" t="s">
        <v>841</v>
      </c>
      <c r="B476" s="2" t="s">
        <v>848</v>
      </c>
      <c r="C476" s="2" t="s">
        <v>162</v>
      </c>
      <c r="D476" s="2" t="s">
        <v>134</v>
      </c>
      <c r="E476" s="2">
        <v>6</v>
      </c>
    </row>
    <row r="477" spans="1:5" x14ac:dyDescent="0.25">
      <c r="A477" s="2" t="s">
        <v>841</v>
      </c>
      <c r="B477" s="2" t="s">
        <v>216</v>
      </c>
      <c r="C477" s="2" t="s">
        <v>849</v>
      </c>
      <c r="D477" s="2" t="s">
        <v>105</v>
      </c>
      <c r="E477" s="2">
        <v>7</v>
      </c>
    </row>
    <row r="478" spans="1:5" x14ac:dyDescent="0.25">
      <c r="A478" s="2" t="s">
        <v>841</v>
      </c>
      <c r="B478" s="2" t="s">
        <v>850</v>
      </c>
      <c r="C478" s="2" t="s">
        <v>231</v>
      </c>
      <c r="D478" s="2" t="s">
        <v>89</v>
      </c>
      <c r="E478" s="2">
        <v>8</v>
      </c>
    </row>
    <row r="479" spans="1:5" x14ac:dyDescent="0.25">
      <c r="A479" s="2" t="s">
        <v>841</v>
      </c>
      <c r="B479" s="2" t="s">
        <v>183</v>
      </c>
      <c r="C479" s="2" t="s">
        <v>851</v>
      </c>
      <c r="D479" s="2" t="s">
        <v>697</v>
      </c>
      <c r="E479" s="2">
        <v>9</v>
      </c>
    </row>
    <row r="480" spans="1:5" x14ac:dyDescent="0.25">
      <c r="A480" s="2" t="s">
        <v>841</v>
      </c>
      <c r="B480" s="2" t="s">
        <v>183</v>
      </c>
      <c r="C480" s="2" t="s">
        <v>852</v>
      </c>
      <c r="D480" s="2" t="s">
        <v>108</v>
      </c>
      <c r="E480" s="2">
        <v>10</v>
      </c>
    </row>
    <row r="481" spans="1:5" x14ac:dyDescent="0.25">
      <c r="A481" s="2" t="s">
        <v>853</v>
      </c>
      <c r="B481" s="2" t="s">
        <v>854</v>
      </c>
      <c r="D481" s="2" t="s">
        <v>228</v>
      </c>
      <c r="E481" s="2">
        <v>1</v>
      </c>
    </row>
    <row r="482" spans="1:5" x14ac:dyDescent="0.25">
      <c r="A482" s="2" t="s">
        <v>853</v>
      </c>
      <c r="B482" s="2" t="s">
        <v>855</v>
      </c>
      <c r="D482" s="2" t="s">
        <v>282</v>
      </c>
      <c r="E482" s="2">
        <v>2</v>
      </c>
    </row>
    <row r="483" spans="1:5" x14ac:dyDescent="0.25">
      <c r="A483" s="2" t="s">
        <v>853</v>
      </c>
      <c r="B483" s="2" t="s">
        <v>856</v>
      </c>
      <c r="D483" s="2" t="s">
        <v>96</v>
      </c>
      <c r="E483" s="2">
        <v>3</v>
      </c>
    </row>
    <row r="484" spans="1:5" x14ac:dyDescent="0.25">
      <c r="A484" s="2" t="s">
        <v>853</v>
      </c>
      <c r="B484" s="2" t="s">
        <v>857</v>
      </c>
      <c r="D484" s="2" t="s">
        <v>28</v>
      </c>
      <c r="E484" s="2">
        <v>4</v>
      </c>
    </row>
    <row r="485" spans="1:5" x14ac:dyDescent="0.25">
      <c r="A485" s="2" t="s">
        <v>853</v>
      </c>
      <c r="B485" s="2" t="s">
        <v>858</v>
      </c>
      <c r="D485" s="2" t="s">
        <v>386</v>
      </c>
      <c r="E485" s="2">
        <v>5</v>
      </c>
    </row>
    <row r="486" spans="1:5" x14ac:dyDescent="0.25">
      <c r="A486" s="2" t="s">
        <v>853</v>
      </c>
      <c r="B486" s="2" t="s">
        <v>859</v>
      </c>
      <c r="D486" s="2" t="s">
        <v>268</v>
      </c>
      <c r="E486" s="2">
        <v>6</v>
      </c>
    </row>
    <row r="487" spans="1:5" x14ac:dyDescent="0.25">
      <c r="A487" s="2" t="s">
        <v>853</v>
      </c>
      <c r="B487" s="2" t="s">
        <v>860</v>
      </c>
      <c r="D487" s="2" t="s">
        <v>120</v>
      </c>
      <c r="E487" s="2">
        <v>7</v>
      </c>
    </row>
    <row r="488" spans="1:5" x14ac:dyDescent="0.25">
      <c r="A488" s="2" t="s">
        <v>853</v>
      </c>
      <c r="B488" s="2" t="s">
        <v>861</v>
      </c>
      <c r="D488" s="2" t="s">
        <v>268</v>
      </c>
      <c r="E488" s="2">
        <v>8</v>
      </c>
    </row>
    <row r="489" spans="1:5" x14ac:dyDescent="0.25">
      <c r="A489" s="2" t="s">
        <v>853</v>
      </c>
      <c r="B489" s="2" t="s">
        <v>862</v>
      </c>
      <c r="D489" s="2" t="s">
        <v>280</v>
      </c>
      <c r="E489" s="2">
        <v>9</v>
      </c>
    </row>
    <row r="490" spans="1:5" x14ac:dyDescent="0.25">
      <c r="A490" s="2" t="s">
        <v>863</v>
      </c>
      <c r="B490" s="2" t="s">
        <v>864</v>
      </c>
      <c r="D490" s="2" t="s">
        <v>372</v>
      </c>
      <c r="E490" s="2">
        <v>1</v>
      </c>
    </row>
    <row r="491" spans="1:5" x14ac:dyDescent="0.25">
      <c r="A491" s="2" t="s">
        <v>863</v>
      </c>
      <c r="B491" s="2" t="s">
        <v>865</v>
      </c>
      <c r="D491" s="2" t="s">
        <v>102</v>
      </c>
      <c r="E491" s="2">
        <v>2</v>
      </c>
    </row>
    <row r="492" spans="1:5" x14ac:dyDescent="0.25">
      <c r="A492" s="2" t="s">
        <v>863</v>
      </c>
      <c r="B492" s="2" t="s">
        <v>866</v>
      </c>
      <c r="D492" s="2" t="s">
        <v>44</v>
      </c>
      <c r="E492" s="2">
        <v>3</v>
      </c>
    </row>
    <row r="493" spans="1:5" x14ac:dyDescent="0.25">
      <c r="A493" s="2" t="s">
        <v>863</v>
      </c>
      <c r="B493" s="2" t="s">
        <v>867</v>
      </c>
      <c r="D493" s="2" t="s">
        <v>25</v>
      </c>
      <c r="E493" s="2">
        <v>4</v>
      </c>
    </row>
    <row r="494" spans="1:5" x14ac:dyDescent="0.25">
      <c r="A494" s="2" t="s">
        <v>863</v>
      </c>
      <c r="B494" s="2" t="s">
        <v>868</v>
      </c>
      <c r="D494" s="2" t="s">
        <v>75</v>
      </c>
      <c r="E494" s="2">
        <v>5</v>
      </c>
    </row>
    <row r="495" spans="1:5" x14ac:dyDescent="0.25">
      <c r="A495" s="2" t="s">
        <v>863</v>
      </c>
      <c r="B495" s="2" t="s">
        <v>869</v>
      </c>
      <c r="D495" s="2" t="s">
        <v>111</v>
      </c>
      <c r="E495" s="2">
        <v>6</v>
      </c>
    </row>
    <row r="496" spans="1:5" x14ac:dyDescent="0.25">
      <c r="A496" s="2" t="s">
        <v>863</v>
      </c>
      <c r="B496" s="2" t="s">
        <v>870</v>
      </c>
      <c r="D496" s="2" t="s">
        <v>54</v>
      </c>
      <c r="E496" s="2">
        <v>7</v>
      </c>
    </row>
    <row r="497" spans="1:5" x14ac:dyDescent="0.25">
      <c r="A497" s="2" t="s">
        <v>863</v>
      </c>
      <c r="B497" s="2" t="s">
        <v>871</v>
      </c>
      <c r="D497" s="2" t="s">
        <v>69</v>
      </c>
      <c r="E497" s="2">
        <v>8</v>
      </c>
    </row>
    <row r="498" spans="1:5" x14ac:dyDescent="0.25">
      <c r="A498" s="2" t="s">
        <v>863</v>
      </c>
      <c r="B498" s="2" t="s">
        <v>872</v>
      </c>
      <c r="D498" s="2" t="s">
        <v>204</v>
      </c>
      <c r="E498" s="2">
        <v>9</v>
      </c>
    </row>
    <row r="499" spans="1:5" x14ac:dyDescent="0.25">
      <c r="A499" s="2" t="s">
        <v>863</v>
      </c>
      <c r="B499" s="2" t="s">
        <v>873</v>
      </c>
      <c r="D499" s="2" t="s">
        <v>141</v>
      </c>
      <c r="E499" s="2">
        <v>10</v>
      </c>
    </row>
    <row r="500" spans="1:5" x14ac:dyDescent="0.25">
      <c r="A500" s="2" t="s">
        <v>874</v>
      </c>
      <c r="B500" s="2" t="s">
        <v>88</v>
      </c>
      <c r="C500" s="2" t="s">
        <v>210</v>
      </c>
      <c r="D500" s="2" t="s">
        <v>127</v>
      </c>
      <c r="E500" s="2">
        <v>1</v>
      </c>
    </row>
    <row r="501" spans="1:5" x14ac:dyDescent="0.25">
      <c r="A501" s="2" t="s">
        <v>874</v>
      </c>
      <c r="B501" s="2" t="s">
        <v>875</v>
      </c>
      <c r="C501" s="2" t="s">
        <v>876</v>
      </c>
      <c r="D501" s="2" t="s">
        <v>127</v>
      </c>
      <c r="E501" s="2">
        <v>2</v>
      </c>
    </row>
    <row r="502" spans="1:5" x14ac:dyDescent="0.25">
      <c r="A502" s="2" t="s">
        <v>874</v>
      </c>
      <c r="B502" s="2" t="s">
        <v>23</v>
      </c>
      <c r="C502" s="2" t="s">
        <v>877</v>
      </c>
      <c r="D502" s="2" t="s">
        <v>54</v>
      </c>
      <c r="E502" s="2">
        <v>3</v>
      </c>
    </row>
    <row r="503" spans="1:5" x14ac:dyDescent="0.25">
      <c r="A503" s="2" t="s">
        <v>874</v>
      </c>
      <c r="B503" s="2" t="s">
        <v>39</v>
      </c>
      <c r="C503" s="2" t="s">
        <v>878</v>
      </c>
      <c r="D503" s="2" t="s">
        <v>87</v>
      </c>
      <c r="E503" s="2">
        <v>4</v>
      </c>
    </row>
    <row r="504" spans="1:5" x14ac:dyDescent="0.25">
      <c r="A504" s="2" t="s">
        <v>874</v>
      </c>
      <c r="B504" s="2" t="s">
        <v>109</v>
      </c>
      <c r="C504" s="2" t="s">
        <v>879</v>
      </c>
      <c r="D504" s="2" t="s">
        <v>698</v>
      </c>
      <c r="E504" s="2">
        <v>5</v>
      </c>
    </row>
    <row r="505" spans="1:5" x14ac:dyDescent="0.25">
      <c r="A505" s="2" t="s">
        <v>874</v>
      </c>
      <c r="B505" s="2" t="s">
        <v>57</v>
      </c>
      <c r="C505" s="2" t="s">
        <v>880</v>
      </c>
      <c r="D505" s="2" t="s">
        <v>53</v>
      </c>
      <c r="E505" s="2">
        <v>6</v>
      </c>
    </row>
    <row r="506" spans="1:5" x14ac:dyDescent="0.25">
      <c r="A506" s="2" t="s">
        <v>874</v>
      </c>
      <c r="B506" s="2" t="s">
        <v>881</v>
      </c>
      <c r="C506" s="2" t="s">
        <v>485</v>
      </c>
      <c r="D506" s="2" t="s">
        <v>282</v>
      </c>
      <c r="E506" s="2">
        <v>7</v>
      </c>
    </row>
    <row r="507" spans="1:5" x14ac:dyDescent="0.25">
      <c r="A507" s="2" t="s">
        <v>874</v>
      </c>
      <c r="B507" s="2" t="s">
        <v>882</v>
      </c>
      <c r="C507" s="2" t="s">
        <v>883</v>
      </c>
      <c r="D507" s="2" t="s">
        <v>105</v>
      </c>
      <c r="E507" s="2">
        <v>8</v>
      </c>
    </row>
    <row r="508" spans="1:5" x14ac:dyDescent="0.25">
      <c r="A508" s="2" t="s">
        <v>874</v>
      </c>
      <c r="B508" s="2" t="s">
        <v>884</v>
      </c>
      <c r="C508" s="2" t="s">
        <v>780</v>
      </c>
      <c r="D508" s="2" t="s">
        <v>43</v>
      </c>
      <c r="E508" s="2">
        <v>9</v>
      </c>
    </row>
    <row r="509" spans="1:5" x14ac:dyDescent="0.25">
      <c r="A509" s="2" t="s">
        <v>874</v>
      </c>
      <c r="B509" s="2" t="s">
        <v>181</v>
      </c>
      <c r="C509" s="2" t="s">
        <v>885</v>
      </c>
      <c r="D509" s="2" t="s">
        <v>87</v>
      </c>
      <c r="E509" s="2">
        <v>10</v>
      </c>
    </row>
    <row r="510" spans="1:5" x14ac:dyDescent="0.25">
      <c r="A510" s="2" t="s">
        <v>886</v>
      </c>
      <c r="B510" s="2" t="s">
        <v>887</v>
      </c>
      <c r="D510" s="2" t="s">
        <v>171</v>
      </c>
      <c r="E510" s="2">
        <v>1</v>
      </c>
    </row>
    <row r="511" spans="1:5" x14ac:dyDescent="0.25">
      <c r="A511" s="2" t="s">
        <v>886</v>
      </c>
      <c r="B511" s="2" t="s">
        <v>888</v>
      </c>
      <c r="D511" s="2" t="s">
        <v>86</v>
      </c>
      <c r="E511" s="2">
        <v>2</v>
      </c>
    </row>
    <row r="512" spans="1:5" x14ac:dyDescent="0.25">
      <c r="A512" s="2" t="s">
        <v>886</v>
      </c>
      <c r="B512" s="2" t="s">
        <v>889</v>
      </c>
      <c r="D512" s="2" t="s">
        <v>87</v>
      </c>
      <c r="E512" s="2">
        <v>3</v>
      </c>
    </row>
    <row r="513" spans="1:5" x14ac:dyDescent="0.25">
      <c r="A513" s="2" t="s">
        <v>886</v>
      </c>
      <c r="B513" s="2" t="s">
        <v>890</v>
      </c>
      <c r="D513" s="2" t="s">
        <v>46</v>
      </c>
      <c r="E513" s="2">
        <v>4</v>
      </c>
    </row>
    <row r="514" spans="1:5" x14ac:dyDescent="0.25">
      <c r="A514" s="2" t="s">
        <v>886</v>
      </c>
      <c r="B514" s="2" t="s">
        <v>891</v>
      </c>
      <c r="D514" s="2" t="s">
        <v>84</v>
      </c>
      <c r="E514" s="2">
        <v>5</v>
      </c>
    </row>
    <row r="515" spans="1:5" x14ac:dyDescent="0.25">
      <c r="A515" s="2" t="s">
        <v>886</v>
      </c>
      <c r="B515" s="2" t="s">
        <v>892</v>
      </c>
      <c r="D515" s="2" t="s">
        <v>86</v>
      </c>
      <c r="E515" s="2">
        <v>6</v>
      </c>
    </row>
    <row r="516" spans="1:5" x14ac:dyDescent="0.25">
      <c r="A516" s="2" t="s">
        <v>886</v>
      </c>
      <c r="B516" s="2" t="s">
        <v>893</v>
      </c>
      <c r="D516" s="2" t="s">
        <v>86</v>
      </c>
      <c r="E516" s="2">
        <v>7</v>
      </c>
    </row>
    <row r="517" spans="1:5" x14ac:dyDescent="0.25">
      <c r="A517" s="2" t="s">
        <v>886</v>
      </c>
      <c r="B517" s="2" t="s">
        <v>894</v>
      </c>
      <c r="D517" s="2" t="s">
        <v>75</v>
      </c>
      <c r="E517" s="2">
        <v>8</v>
      </c>
    </row>
    <row r="518" spans="1:5" x14ac:dyDescent="0.25">
      <c r="A518" s="2" t="s">
        <v>886</v>
      </c>
      <c r="B518" s="2" t="s">
        <v>895</v>
      </c>
      <c r="D518" s="2" t="s">
        <v>305</v>
      </c>
      <c r="E518" s="2">
        <v>9</v>
      </c>
    </row>
    <row r="519" spans="1:5" x14ac:dyDescent="0.25">
      <c r="A519" s="2" t="s">
        <v>886</v>
      </c>
      <c r="B519" s="2" t="s">
        <v>896</v>
      </c>
      <c r="D519" s="2" t="s">
        <v>157</v>
      </c>
      <c r="E519" s="2">
        <v>10</v>
      </c>
    </row>
    <row r="520" spans="1:5" x14ac:dyDescent="0.25">
      <c r="A520" s="2" t="s">
        <v>897</v>
      </c>
      <c r="B520" s="2" t="s">
        <v>898</v>
      </c>
      <c r="C520" s="2" t="s">
        <v>899</v>
      </c>
      <c r="D520" s="2" t="s">
        <v>826</v>
      </c>
      <c r="E520" s="2">
        <v>1</v>
      </c>
    </row>
    <row r="521" spans="1:5" x14ac:dyDescent="0.25">
      <c r="A521" s="2" t="s">
        <v>897</v>
      </c>
      <c r="B521" s="2" t="s">
        <v>900</v>
      </c>
      <c r="C521" s="2" t="s">
        <v>901</v>
      </c>
      <c r="D521" s="2" t="s">
        <v>80</v>
      </c>
      <c r="E521" s="2">
        <v>2</v>
      </c>
    </row>
    <row r="522" spans="1:5" x14ac:dyDescent="0.25">
      <c r="A522" s="2" t="s">
        <v>897</v>
      </c>
      <c r="B522" s="2" t="s">
        <v>902</v>
      </c>
      <c r="C522" s="2" t="s">
        <v>903</v>
      </c>
      <c r="D522" s="2" t="s">
        <v>44</v>
      </c>
      <c r="E522" s="2">
        <v>3</v>
      </c>
    </row>
    <row r="523" spans="1:5" x14ac:dyDescent="0.25">
      <c r="A523" s="2" t="s">
        <v>897</v>
      </c>
      <c r="B523" s="2" t="s">
        <v>904</v>
      </c>
      <c r="C523" s="2" t="s">
        <v>224</v>
      </c>
      <c r="D523" s="2" t="s">
        <v>305</v>
      </c>
      <c r="E523" s="2">
        <v>4</v>
      </c>
    </row>
    <row r="524" spans="1:5" x14ac:dyDescent="0.25">
      <c r="A524" s="2" t="s">
        <v>897</v>
      </c>
      <c r="B524" s="2" t="s">
        <v>905</v>
      </c>
      <c r="C524" s="2" t="s">
        <v>906</v>
      </c>
      <c r="D524" s="2" t="s">
        <v>386</v>
      </c>
      <c r="E524" s="2">
        <v>5</v>
      </c>
    </row>
    <row r="525" spans="1:5" x14ac:dyDescent="0.25">
      <c r="A525" s="2" t="s">
        <v>897</v>
      </c>
      <c r="B525" s="2" t="s">
        <v>211</v>
      </c>
      <c r="C525" s="2" t="s">
        <v>907</v>
      </c>
      <c r="D525" s="2" t="s">
        <v>55</v>
      </c>
      <c r="E525" s="2">
        <v>6</v>
      </c>
    </row>
    <row r="526" spans="1:5" x14ac:dyDescent="0.25">
      <c r="A526" s="2" t="s">
        <v>897</v>
      </c>
      <c r="B526" s="2" t="s">
        <v>709</v>
      </c>
      <c r="C526" s="2" t="s">
        <v>908</v>
      </c>
      <c r="D526" s="2" t="s">
        <v>87</v>
      </c>
      <c r="E526" s="2">
        <v>7</v>
      </c>
    </row>
    <row r="527" spans="1:5" x14ac:dyDescent="0.25">
      <c r="A527" s="2" t="s">
        <v>897</v>
      </c>
      <c r="B527" s="2" t="s">
        <v>779</v>
      </c>
      <c r="C527" s="2" t="s">
        <v>367</v>
      </c>
      <c r="D527" s="2" t="s">
        <v>273</v>
      </c>
      <c r="E527" s="2">
        <v>8</v>
      </c>
    </row>
    <row r="528" spans="1:5" x14ac:dyDescent="0.25">
      <c r="A528" s="2" t="s">
        <v>897</v>
      </c>
      <c r="B528" s="2" t="s">
        <v>753</v>
      </c>
      <c r="C528" s="2" t="s">
        <v>909</v>
      </c>
      <c r="D528" s="2" t="s">
        <v>96</v>
      </c>
      <c r="E528" s="2">
        <v>9</v>
      </c>
    </row>
    <row r="529" spans="1:5" x14ac:dyDescent="0.25">
      <c r="A529" s="2" t="s">
        <v>897</v>
      </c>
      <c r="B529" s="2" t="s">
        <v>233</v>
      </c>
      <c r="C529" s="2" t="s">
        <v>208</v>
      </c>
      <c r="D529" s="2" t="s">
        <v>207</v>
      </c>
      <c r="E529" s="2">
        <v>10</v>
      </c>
    </row>
    <row r="530" spans="1:5" x14ac:dyDescent="0.25">
      <c r="A530" s="2" t="s">
        <v>910</v>
      </c>
      <c r="B530" s="2" t="s">
        <v>192</v>
      </c>
      <c r="C530" s="2" t="s">
        <v>911</v>
      </c>
      <c r="D530" s="2" t="s">
        <v>268</v>
      </c>
      <c r="E530" s="2">
        <v>1</v>
      </c>
    </row>
    <row r="531" spans="1:5" x14ac:dyDescent="0.25">
      <c r="A531" s="2" t="s">
        <v>910</v>
      </c>
      <c r="B531" s="2" t="s">
        <v>220</v>
      </c>
      <c r="C531" s="2" t="s">
        <v>912</v>
      </c>
      <c r="D531" s="2" t="s">
        <v>80</v>
      </c>
      <c r="E531" s="2">
        <v>2</v>
      </c>
    </row>
    <row r="532" spans="1:5" x14ac:dyDescent="0.25">
      <c r="A532" s="2" t="s">
        <v>910</v>
      </c>
      <c r="B532" s="2" t="s">
        <v>913</v>
      </c>
      <c r="C532" s="2" t="s">
        <v>914</v>
      </c>
      <c r="D532" s="2" t="s">
        <v>207</v>
      </c>
      <c r="E532" s="2">
        <v>3</v>
      </c>
    </row>
    <row r="533" spans="1:5" x14ac:dyDescent="0.25">
      <c r="A533" s="2" t="s">
        <v>910</v>
      </c>
      <c r="B533" s="2" t="s">
        <v>915</v>
      </c>
      <c r="C533" s="2" t="s">
        <v>916</v>
      </c>
      <c r="D533" s="2" t="s">
        <v>25</v>
      </c>
      <c r="E533" s="2">
        <v>4</v>
      </c>
    </row>
    <row r="534" spans="1:5" x14ac:dyDescent="0.25">
      <c r="A534" s="2" t="s">
        <v>910</v>
      </c>
      <c r="B534" s="2" t="s">
        <v>303</v>
      </c>
      <c r="C534" s="2" t="s">
        <v>917</v>
      </c>
      <c r="D534" s="2" t="s">
        <v>178</v>
      </c>
      <c r="E534" s="2">
        <v>5</v>
      </c>
    </row>
    <row r="535" spans="1:5" x14ac:dyDescent="0.25">
      <c r="A535" s="2" t="s">
        <v>910</v>
      </c>
      <c r="B535" s="2" t="s">
        <v>918</v>
      </c>
      <c r="C535" s="2" t="s">
        <v>919</v>
      </c>
      <c r="D535" s="2" t="s">
        <v>131</v>
      </c>
      <c r="E535" s="2">
        <v>6</v>
      </c>
    </row>
    <row r="536" spans="1:5" x14ac:dyDescent="0.25">
      <c r="A536" s="2" t="s">
        <v>910</v>
      </c>
      <c r="B536" s="2" t="s">
        <v>920</v>
      </c>
      <c r="C536" s="2" t="s">
        <v>921</v>
      </c>
      <c r="D536" s="2" t="s">
        <v>40</v>
      </c>
      <c r="E536" s="2">
        <v>7</v>
      </c>
    </row>
    <row r="537" spans="1:5" x14ac:dyDescent="0.25">
      <c r="A537" s="2" t="s">
        <v>910</v>
      </c>
      <c r="B537" s="2" t="s">
        <v>922</v>
      </c>
      <c r="C537" s="2" t="s">
        <v>923</v>
      </c>
      <c r="D537" s="2" t="s">
        <v>386</v>
      </c>
      <c r="E537" s="2">
        <v>8</v>
      </c>
    </row>
    <row r="538" spans="1:5" x14ac:dyDescent="0.25">
      <c r="A538" s="2" t="s">
        <v>910</v>
      </c>
      <c r="B538" s="2" t="s">
        <v>407</v>
      </c>
      <c r="C538" s="2" t="s">
        <v>924</v>
      </c>
      <c r="D538" s="2" t="s">
        <v>105</v>
      </c>
      <c r="E538" s="2">
        <v>9</v>
      </c>
    </row>
    <row r="539" spans="1:5" x14ac:dyDescent="0.25">
      <c r="A539" s="2" t="s">
        <v>910</v>
      </c>
      <c r="B539" s="2" t="s">
        <v>294</v>
      </c>
      <c r="C539" s="2" t="s">
        <v>161</v>
      </c>
      <c r="D539" s="2" t="s">
        <v>371</v>
      </c>
      <c r="E539" s="2">
        <v>10</v>
      </c>
    </row>
    <row r="540" spans="1:5" x14ac:dyDescent="0.25">
      <c r="A540" s="2" t="s">
        <v>925</v>
      </c>
      <c r="B540" s="2" t="s">
        <v>926</v>
      </c>
      <c r="D540" s="2" t="s">
        <v>133</v>
      </c>
      <c r="E540" s="2">
        <v>1</v>
      </c>
    </row>
    <row r="541" spans="1:5" x14ac:dyDescent="0.25">
      <c r="A541" s="2" t="s">
        <v>925</v>
      </c>
      <c r="B541" s="2" t="s">
        <v>927</v>
      </c>
      <c r="D541" s="2" t="s">
        <v>319</v>
      </c>
      <c r="E541" s="2">
        <v>2</v>
      </c>
    </row>
    <row r="542" spans="1:5" x14ac:dyDescent="0.25">
      <c r="A542" s="2" t="s">
        <v>925</v>
      </c>
      <c r="B542" s="2" t="s">
        <v>928</v>
      </c>
      <c r="D542" s="2" t="s">
        <v>268</v>
      </c>
      <c r="E542" s="2">
        <v>3</v>
      </c>
    </row>
    <row r="543" spans="1:5" x14ac:dyDescent="0.25">
      <c r="A543" s="2" t="s">
        <v>925</v>
      </c>
      <c r="B543" s="2" t="s">
        <v>929</v>
      </c>
      <c r="D543" s="2" t="s">
        <v>131</v>
      </c>
      <c r="E543" s="2">
        <v>4</v>
      </c>
    </row>
    <row r="544" spans="1:5" x14ac:dyDescent="0.25">
      <c r="A544" s="2" t="s">
        <v>925</v>
      </c>
      <c r="B544" s="2" t="s">
        <v>930</v>
      </c>
      <c r="D544" s="2" t="s">
        <v>386</v>
      </c>
      <c r="E544" s="2">
        <v>5</v>
      </c>
    </row>
    <row r="545" spans="1:5" x14ac:dyDescent="0.25">
      <c r="A545" s="2" t="s">
        <v>925</v>
      </c>
      <c r="B545" s="2" t="s">
        <v>931</v>
      </c>
      <c r="D545" s="2" t="s">
        <v>803</v>
      </c>
      <c r="E545" s="2">
        <v>6</v>
      </c>
    </row>
    <row r="546" spans="1:5" x14ac:dyDescent="0.25">
      <c r="A546" s="2" t="s">
        <v>925</v>
      </c>
      <c r="B546" s="2" t="s">
        <v>932</v>
      </c>
      <c r="D546" s="2" t="s">
        <v>320</v>
      </c>
      <c r="E546" s="2">
        <v>7</v>
      </c>
    </row>
    <row r="547" spans="1:5" x14ac:dyDescent="0.25">
      <c r="A547" s="2" t="s">
        <v>925</v>
      </c>
      <c r="B547" s="2" t="s">
        <v>933</v>
      </c>
      <c r="D547" s="2" t="s">
        <v>125</v>
      </c>
      <c r="E547" s="2">
        <v>8</v>
      </c>
    </row>
    <row r="548" spans="1:5" x14ac:dyDescent="0.25">
      <c r="A548" s="2" t="s">
        <v>925</v>
      </c>
      <c r="B548" s="2" t="s">
        <v>934</v>
      </c>
      <c r="D548" s="2" t="s">
        <v>334</v>
      </c>
      <c r="E548" s="2">
        <v>9</v>
      </c>
    </row>
    <row r="549" spans="1:5" x14ac:dyDescent="0.25">
      <c r="A549" s="2" t="s">
        <v>925</v>
      </c>
      <c r="B549" s="2" t="s">
        <v>935</v>
      </c>
      <c r="D549" s="2" t="s">
        <v>105</v>
      </c>
      <c r="E549" s="2">
        <v>10</v>
      </c>
    </row>
    <row r="550" spans="1:5" x14ac:dyDescent="0.25">
      <c r="A550" s="2" t="s">
        <v>936</v>
      </c>
      <c r="B550" s="2" t="s">
        <v>937</v>
      </c>
      <c r="D550" s="2" t="s">
        <v>258</v>
      </c>
      <c r="E550" s="2">
        <v>1</v>
      </c>
    </row>
    <row r="551" spans="1:5" x14ac:dyDescent="0.25">
      <c r="A551" s="2" t="s">
        <v>936</v>
      </c>
      <c r="B551" s="2" t="s">
        <v>938</v>
      </c>
      <c r="D551" s="2" t="s">
        <v>305</v>
      </c>
      <c r="E551" s="2">
        <v>2</v>
      </c>
    </row>
    <row r="552" spans="1:5" x14ac:dyDescent="0.25">
      <c r="A552" s="2" t="s">
        <v>936</v>
      </c>
      <c r="B552" s="2" t="s">
        <v>939</v>
      </c>
      <c r="D552" s="2" t="s">
        <v>321</v>
      </c>
      <c r="E552" s="2">
        <v>3</v>
      </c>
    </row>
    <row r="553" spans="1:5" x14ac:dyDescent="0.25">
      <c r="A553" s="2" t="s">
        <v>936</v>
      </c>
      <c r="B553" s="2" t="s">
        <v>940</v>
      </c>
      <c r="D553" s="2" t="s">
        <v>941</v>
      </c>
      <c r="E553" s="2">
        <v>4</v>
      </c>
    </row>
    <row r="554" spans="1:5" x14ac:dyDescent="0.25">
      <c r="A554" s="2" t="s">
        <v>936</v>
      </c>
      <c r="B554" s="2" t="s">
        <v>942</v>
      </c>
      <c r="D554" s="2" t="s">
        <v>305</v>
      </c>
      <c r="E554" s="2">
        <v>5</v>
      </c>
    </row>
    <row r="555" spans="1:5" x14ac:dyDescent="0.25">
      <c r="A555" s="2" t="s">
        <v>936</v>
      </c>
      <c r="B555" s="2" t="s">
        <v>943</v>
      </c>
      <c r="D555" s="2" t="s">
        <v>69</v>
      </c>
      <c r="E555" s="2">
        <v>6</v>
      </c>
    </row>
    <row r="556" spans="1:5" x14ac:dyDescent="0.25">
      <c r="A556" s="2" t="s">
        <v>936</v>
      </c>
      <c r="B556" s="2" t="s">
        <v>944</v>
      </c>
      <c r="D556" s="2" t="s">
        <v>69</v>
      </c>
      <c r="E556" s="2">
        <v>7</v>
      </c>
    </row>
    <row r="557" spans="1:5" x14ac:dyDescent="0.25">
      <c r="A557" s="2" t="s">
        <v>936</v>
      </c>
      <c r="B557" s="2" t="s">
        <v>945</v>
      </c>
      <c r="D557" s="2" t="s">
        <v>321</v>
      </c>
      <c r="E557" s="2">
        <v>8</v>
      </c>
    </row>
    <row r="558" spans="1:5" x14ac:dyDescent="0.25">
      <c r="A558" s="2" t="s">
        <v>936</v>
      </c>
      <c r="B558" s="2" t="s">
        <v>946</v>
      </c>
      <c r="D558" s="2" t="s">
        <v>321</v>
      </c>
      <c r="E558" s="2">
        <v>9</v>
      </c>
    </row>
    <row r="559" spans="1:5" x14ac:dyDescent="0.25">
      <c r="A559" s="2" t="s">
        <v>936</v>
      </c>
      <c r="B559" s="2" t="s">
        <v>947</v>
      </c>
      <c r="D559" s="2" t="s">
        <v>59</v>
      </c>
      <c r="E559" s="2">
        <v>10</v>
      </c>
    </row>
    <row r="560" spans="1:5" x14ac:dyDescent="0.25">
      <c r="A560" s="2" t="s">
        <v>948</v>
      </c>
      <c r="B560" s="2" t="s">
        <v>949</v>
      </c>
      <c r="D560" s="2" t="s">
        <v>171</v>
      </c>
      <c r="E560" s="2">
        <v>1</v>
      </c>
    </row>
    <row r="561" spans="1:5" x14ac:dyDescent="0.25">
      <c r="A561" s="2" t="s">
        <v>948</v>
      </c>
      <c r="B561" s="2" t="s">
        <v>950</v>
      </c>
      <c r="D561" s="2" t="s">
        <v>454</v>
      </c>
      <c r="E561" s="2">
        <v>2</v>
      </c>
    </row>
    <row r="562" spans="1:5" x14ac:dyDescent="0.25">
      <c r="A562" s="2" t="s">
        <v>948</v>
      </c>
      <c r="B562" s="2" t="s">
        <v>951</v>
      </c>
      <c r="D562" s="2" t="s">
        <v>80</v>
      </c>
      <c r="E562" s="2">
        <v>3</v>
      </c>
    </row>
    <row r="563" spans="1:5" x14ac:dyDescent="0.25">
      <c r="A563" s="2" t="s">
        <v>948</v>
      </c>
      <c r="B563" s="2" t="s">
        <v>952</v>
      </c>
      <c r="D563" s="2" t="s">
        <v>86</v>
      </c>
      <c r="E563" s="2">
        <v>4</v>
      </c>
    </row>
    <row r="564" spans="1:5" x14ac:dyDescent="0.25">
      <c r="A564" s="2" t="s">
        <v>948</v>
      </c>
      <c r="B564" s="2" t="s">
        <v>953</v>
      </c>
      <c r="D564" s="2" t="s">
        <v>120</v>
      </c>
      <c r="E564" s="2">
        <v>5</v>
      </c>
    </row>
    <row r="565" spans="1:5" x14ac:dyDescent="0.25">
      <c r="A565" s="2" t="s">
        <v>948</v>
      </c>
      <c r="B565" s="2" t="s">
        <v>954</v>
      </c>
      <c r="D565" s="2" t="s">
        <v>133</v>
      </c>
      <c r="E565" s="2">
        <v>6</v>
      </c>
    </row>
    <row r="566" spans="1:5" x14ac:dyDescent="0.25">
      <c r="A566" s="2" t="s">
        <v>948</v>
      </c>
      <c r="B566" s="2" t="s">
        <v>955</v>
      </c>
      <c r="D566" s="2" t="s">
        <v>253</v>
      </c>
      <c r="E566" s="2">
        <v>7</v>
      </c>
    </row>
    <row r="567" spans="1:5" x14ac:dyDescent="0.25">
      <c r="A567" s="2" t="s">
        <v>948</v>
      </c>
      <c r="B567" s="2" t="s">
        <v>956</v>
      </c>
      <c r="D567" s="2" t="s">
        <v>393</v>
      </c>
      <c r="E567" s="2">
        <v>8</v>
      </c>
    </row>
    <row r="568" spans="1:5" x14ac:dyDescent="0.25">
      <c r="A568" s="2" t="s">
        <v>948</v>
      </c>
      <c r="B568" s="2" t="s">
        <v>957</v>
      </c>
      <c r="D568" s="2" t="s">
        <v>87</v>
      </c>
      <c r="E568" s="2">
        <v>9</v>
      </c>
    </row>
    <row r="569" spans="1:5" x14ac:dyDescent="0.25">
      <c r="A569" s="2" t="s">
        <v>948</v>
      </c>
      <c r="B569" s="2" t="s">
        <v>958</v>
      </c>
      <c r="D569" s="2" t="s">
        <v>86</v>
      </c>
      <c r="E569" s="2">
        <v>10</v>
      </c>
    </row>
    <row r="570" spans="1:5" x14ac:dyDescent="0.25">
      <c r="A570" s="2" t="s">
        <v>959</v>
      </c>
      <c r="B570" s="2" t="s">
        <v>960</v>
      </c>
      <c r="D570" s="2" t="s">
        <v>105</v>
      </c>
      <c r="E570" s="2">
        <v>1</v>
      </c>
    </row>
    <row r="571" spans="1:5" x14ac:dyDescent="0.25">
      <c r="A571" s="2" t="s">
        <v>959</v>
      </c>
      <c r="B571" s="2" t="s">
        <v>961</v>
      </c>
      <c r="D571" s="2" t="s">
        <v>258</v>
      </c>
      <c r="E571" s="2">
        <v>2</v>
      </c>
    </row>
    <row r="572" spans="1:5" x14ac:dyDescent="0.25">
      <c r="A572" s="2" t="s">
        <v>959</v>
      </c>
      <c r="B572" s="2" t="s">
        <v>962</v>
      </c>
      <c r="D572" s="2" t="s">
        <v>126</v>
      </c>
      <c r="E572" s="2">
        <v>3</v>
      </c>
    </row>
    <row r="573" spans="1:5" x14ac:dyDescent="0.25">
      <c r="A573" s="2" t="s">
        <v>959</v>
      </c>
      <c r="B573" s="2" t="s">
        <v>963</v>
      </c>
      <c r="D573" s="2" t="s">
        <v>144</v>
      </c>
      <c r="E573" s="2">
        <v>4</v>
      </c>
    </row>
    <row r="574" spans="1:5" x14ac:dyDescent="0.25">
      <c r="A574" s="2" t="s">
        <v>959</v>
      </c>
      <c r="B574" s="2" t="s">
        <v>964</v>
      </c>
      <c r="D574" s="2" t="s">
        <v>87</v>
      </c>
      <c r="E574" s="2">
        <v>5</v>
      </c>
    </row>
    <row r="575" spans="1:5" x14ac:dyDescent="0.25">
      <c r="A575" s="2" t="s">
        <v>959</v>
      </c>
      <c r="B575" s="2" t="s">
        <v>965</v>
      </c>
      <c r="D575" s="2" t="s">
        <v>129</v>
      </c>
      <c r="E575" s="2">
        <v>6</v>
      </c>
    </row>
    <row r="576" spans="1:5" x14ac:dyDescent="0.25">
      <c r="A576" s="2" t="s">
        <v>959</v>
      </c>
      <c r="B576" s="2" t="s">
        <v>966</v>
      </c>
      <c r="D576" s="2" t="s">
        <v>53</v>
      </c>
      <c r="E576" s="2">
        <v>7</v>
      </c>
    </row>
    <row r="577" spans="1:5" x14ac:dyDescent="0.25">
      <c r="A577" s="2" t="s">
        <v>959</v>
      </c>
      <c r="B577" s="2" t="s">
        <v>967</v>
      </c>
      <c r="D577" s="2" t="s">
        <v>40</v>
      </c>
      <c r="E577" s="2">
        <v>8</v>
      </c>
    </row>
    <row r="578" spans="1:5" x14ac:dyDescent="0.25">
      <c r="A578" s="2" t="s">
        <v>959</v>
      </c>
      <c r="B578" s="2" t="s">
        <v>968</v>
      </c>
      <c r="D578" s="2" t="s">
        <v>126</v>
      </c>
      <c r="E578" s="2">
        <v>9</v>
      </c>
    </row>
    <row r="579" spans="1:5" x14ac:dyDescent="0.25">
      <c r="A579" s="2" t="s">
        <v>959</v>
      </c>
      <c r="B579" s="2" t="s">
        <v>969</v>
      </c>
      <c r="D579" s="2" t="s">
        <v>22</v>
      </c>
      <c r="E579" s="2">
        <v>10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F579"/>
  <sheetViews>
    <sheetView workbookViewId="0">
      <selection activeCell="B16" sqref="B16"/>
    </sheetView>
  </sheetViews>
  <sheetFormatPr defaultRowHeight="15" x14ac:dyDescent="0.25"/>
  <cols>
    <col min="1" max="1" width="26" customWidth="1"/>
    <col min="2" max="2" width="49.28515625" style="1" customWidth="1"/>
    <col min="3" max="3" width="19.28515625" bestFit="1" customWidth="1"/>
    <col min="4" max="4" width="36.7109375" bestFit="1" customWidth="1"/>
    <col min="5" max="5" width="10.140625" bestFit="1" customWidth="1"/>
    <col min="6" max="6" width="5.7109375" bestFit="1" customWidth="1"/>
  </cols>
  <sheetData>
    <row r="1" spans="1:6" x14ac:dyDescent="0.25">
      <c r="A1" t="s">
        <v>0</v>
      </c>
      <c r="B1" s="1" t="s">
        <v>1</v>
      </c>
      <c r="C1" t="s">
        <v>1</v>
      </c>
      <c r="D1" t="s">
        <v>2</v>
      </c>
      <c r="E1" t="s">
        <v>3</v>
      </c>
      <c r="F1" t="s">
        <v>4</v>
      </c>
    </row>
    <row r="2" spans="1:6" x14ac:dyDescent="0.25">
      <c r="A2" t="s">
        <v>56</v>
      </c>
      <c r="B2" s="1" t="s">
        <v>81</v>
      </c>
      <c r="C2" t="s">
        <v>82</v>
      </c>
      <c r="D2" t="s">
        <v>83</v>
      </c>
      <c r="E2">
        <v>30.5</v>
      </c>
      <c r="F2">
        <v>10</v>
      </c>
    </row>
    <row r="3" spans="1:6" x14ac:dyDescent="0.25">
      <c r="A3" t="s">
        <v>925</v>
      </c>
      <c r="B3" s="1" t="s">
        <v>927</v>
      </c>
      <c r="D3" t="s">
        <v>319</v>
      </c>
      <c r="E3">
        <v>86</v>
      </c>
      <c r="F3">
        <v>2</v>
      </c>
    </row>
    <row r="4" spans="1:6" x14ac:dyDescent="0.25">
      <c r="A4" t="s">
        <v>5</v>
      </c>
      <c r="B4" s="1" t="s">
        <v>23</v>
      </c>
      <c r="C4" t="s">
        <v>24</v>
      </c>
      <c r="D4" t="s">
        <v>25</v>
      </c>
      <c r="E4">
        <v>54</v>
      </c>
      <c r="F4">
        <v>6</v>
      </c>
    </row>
    <row r="5" spans="1:6" x14ac:dyDescent="0.25">
      <c r="A5" t="s">
        <v>93</v>
      </c>
      <c r="B5" s="1" t="s">
        <v>115</v>
      </c>
      <c r="C5" t="s">
        <v>116</v>
      </c>
      <c r="D5" t="s">
        <v>25</v>
      </c>
      <c r="E5">
        <v>57</v>
      </c>
      <c r="F5">
        <v>8</v>
      </c>
    </row>
    <row r="6" spans="1:6" x14ac:dyDescent="0.25">
      <c r="A6" t="s">
        <v>430</v>
      </c>
      <c r="B6" s="1" t="s">
        <v>435</v>
      </c>
      <c r="D6" t="s">
        <v>25</v>
      </c>
      <c r="E6">
        <v>171.25</v>
      </c>
      <c r="F6">
        <v>5</v>
      </c>
    </row>
    <row r="7" spans="1:6" x14ac:dyDescent="0.25">
      <c r="A7" t="s">
        <v>559</v>
      </c>
      <c r="B7" s="1" t="s">
        <v>184</v>
      </c>
      <c r="C7" t="s">
        <v>415</v>
      </c>
      <c r="D7" t="s">
        <v>25</v>
      </c>
      <c r="E7">
        <v>50.33</v>
      </c>
      <c r="F7">
        <v>10</v>
      </c>
    </row>
    <row r="8" spans="1:6" x14ac:dyDescent="0.25">
      <c r="A8" t="s">
        <v>615</v>
      </c>
      <c r="B8" s="1" t="s">
        <v>617</v>
      </c>
      <c r="C8" t="s">
        <v>618</v>
      </c>
      <c r="D8" t="s">
        <v>25</v>
      </c>
      <c r="E8">
        <v>139</v>
      </c>
      <c r="F8">
        <v>2</v>
      </c>
    </row>
    <row r="9" spans="1:6" x14ac:dyDescent="0.25">
      <c r="A9" t="s">
        <v>863</v>
      </c>
      <c r="B9" s="1" t="s">
        <v>867</v>
      </c>
      <c r="D9" t="s">
        <v>25</v>
      </c>
      <c r="E9">
        <v>164</v>
      </c>
      <c r="F9">
        <v>4</v>
      </c>
    </row>
    <row r="10" spans="1:6" x14ac:dyDescent="0.25">
      <c r="A10" t="s">
        <v>910</v>
      </c>
      <c r="B10" s="1" t="s">
        <v>915</v>
      </c>
      <c r="C10" t="s">
        <v>916</v>
      </c>
      <c r="D10" t="s">
        <v>25</v>
      </c>
      <c r="E10">
        <v>87</v>
      </c>
      <c r="F10">
        <v>4</v>
      </c>
    </row>
    <row r="11" spans="1:6" x14ac:dyDescent="0.25">
      <c r="A11" t="s">
        <v>5</v>
      </c>
      <c r="B11" s="1" t="s">
        <v>9</v>
      </c>
      <c r="C11" t="s">
        <v>10</v>
      </c>
      <c r="D11" t="s">
        <v>11</v>
      </c>
      <c r="E11">
        <v>63</v>
      </c>
      <c r="F11">
        <v>2</v>
      </c>
    </row>
    <row r="12" spans="1:6" x14ac:dyDescent="0.25">
      <c r="A12" t="s">
        <v>56</v>
      </c>
      <c r="B12" s="1" t="s">
        <v>62</v>
      </c>
      <c r="C12" t="s">
        <v>63</v>
      </c>
      <c r="D12" t="s">
        <v>11</v>
      </c>
      <c r="E12">
        <v>51.5</v>
      </c>
      <c r="F12">
        <v>3</v>
      </c>
    </row>
    <row r="13" spans="1:6" x14ac:dyDescent="0.25">
      <c r="A13" t="s">
        <v>245</v>
      </c>
      <c r="B13" s="1" t="s">
        <v>255</v>
      </c>
      <c r="D13" t="s">
        <v>11</v>
      </c>
      <c r="E13">
        <v>29.3</v>
      </c>
      <c r="F13">
        <v>8</v>
      </c>
    </row>
    <row r="14" spans="1:6" x14ac:dyDescent="0.25">
      <c r="A14" t="s">
        <v>401</v>
      </c>
      <c r="B14" s="1" t="s">
        <v>409</v>
      </c>
      <c r="C14" t="s">
        <v>212</v>
      </c>
      <c r="D14" t="s">
        <v>11</v>
      </c>
      <c r="E14">
        <v>80</v>
      </c>
      <c r="F14">
        <v>4</v>
      </c>
    </row>
    <row r="15" spans="1:6" x14ac:dyDescent="0.25">
      <c r="A15" t="s">
        <v>535</v>
      </c>
      <c r="B15" s="1" t="s">
        <v>538</v>
      </c>
      <c r="D15" t="s">
        <v>11</v>
      </c>
      <c r="E15">
        <v>252.03</v>
      </c>
      <c r="F15">
        <v>3</v>
      </c>
    </row>
    <row r="16" spans="1:6" x14ac:dyDescent="0.25">
      <c r="A16" t="s">
        <v>700</v>
      </c>
      <c r="B16" s="1" t="s">
        <v>199</v>
      </c>
      <c r="C16" t="s">
        <v>10</v>
      </c>
      <c r="D16" t="s">
        <v>11</v>
      </c>
      <c r="E16">
        <v>60</v>
      </c>
      <c r="F16">
        <v>4</v>
      </c>
    </row>
    <row r="17" spans="1:6" x14ac:dyDescent="0.25">
      <c r="A17" t="s">
        <v>832</v>
      </c>
      <c r="B17" s="1" t="s">
        <v>840</v>
      </c>
      <c r="D17" t="s">
        <v>259</v>
      </c>
      <c r="E17">
        <v>0</v>
      </c>
      <c r="F17">
        <v>8</v>
      </c>
    </row>
    <row r="18" spans="1:6" x14ac:dyDescent="0.25">
      <c r="A18" t="s">
        <v>93</v>
      </c>
      <c r="B18" s="1" t="s">
        <v>118</v>
      </c>
      <c r="C18" t="s">
        <v>119</v>
      </c>
      <c r="D18" t="s">
        <v>120</v>
      </c>
      <c r="E18">
        <v>56</v>
      </c>
      <c r="F18">
        <v>10</v>
      </c>
    </row>
    <row r="19" spans="1:6" x14ac:dyDescent="0.25">
      <c r="A19" t="s">
        <v>262</v>
      </c>
      <c r="B19" s="1" t="s">
        <v>100</v>
      </c>
      <c r="C19" t="s">
        <v>263</v>
      </c>
      <c r="D19" t="s">
        <v>120</v>
      </c>
      <c r="E19">
        <v>68</v>
      </c>
      <c r="F19">
        <v>1</v>
      </c>
    </row>
    <row r="20" spans="1:6" x14ac:dyDescent="0.25">
      <c r="A20" t="s">
        <v>262</v>
      </c>
      <c r="B20" s="1" t="s">
        <v>264</v>
      </c>
      <c r="C20" t="s">
        <v>265</v>
      </c>
      <c r="D20" t="s">
        <v>120</v>
      </c>
      <c r="E20">
        <v>68</v>
      </c>
      <c r="F20">
        <v>1</v>
      </c>
    </row>
    <row r="21" spans="1:6" x14ac:dyDescent="0.25">
      <c r="A21" t="s">
        <v>335</v>
      </c>
      <c r="B21" s="1" t="s">
        <v>179</v>
      </c>
      <c r="C21" t="s">
        <v>338</v>
      </c>
      <c r="D21" t="s">
        <v>120</v>
      </c>
      <c r="E21">
        <v>69</v>
      </c>
      <c r="F21">
        <v>2</v>
      </c>
    </row>
    <row r="22" spans="1:6" x14ac:dyDescent="0.25">
      <c r="A22" t="s">
        <v>475</v>
      </c>
      <c r="B22" s="1" t="s">
        <v>484</v>
      </c>
      <c r="C22" t="s">
        <v>187</v>
      </c>
      <c r="D22" t="s">
        <v>120</v>
      </c>
      <c r="E22">
        <v>49</v>
      </c>
      <c r="F22">
        <v>7</v>
      </c>
    </row>
    <row r="23" spans="1:6" x14ac:dyDescent="0.25">
      <c r="A23" t="s">
        <v>502</v>
      </c>
      <c r="B23" s="1" t="s">
        <v>510</v>
      </c>
      <c r="D23" t="s">
        <v>120</v>
      </c>
      <c r="E23">
        <v>70.150000000000006</v>
      </c>
      <c r="F23">
        <v>8</v>
      </c>
    </row>
    <row r="24" spans="1:6" x14ac:dyDescent="0.25">
      <c r="A24" t="s">
        <v>588</v>
      </c>
      <c r="B24" s="1" t="s">
        <v>595</v>
      </c>
      <c r="D24" t="s">
        <v>120</v>
      </c>
      <c r="E24">
        <v>51.3</v>
      </c>
      <c r="F24">
        <v>6</v>
      </c>
    </row>
    <row r="25" spans="1:6" x14ac:dyDescent="0.25">
      <c r="A25" t="s">
        <v>588</v>
      </c>
      <c r="B25" s="1" t="s">
        <v>597</v>
      </c>
      <c r="D25" t="s">
        <v>120</v>
      </c>
      <c r="E25">
        <v>44.7</v>
      </c>
      <c r="F25">
        <v>8</v>
      </c>
    </row>
    <row r="26" spans="1:6" x14ac:dyDescent="0.25">
      <c r="A26" t="s">
        <v>642</v>
      </c>
      <c r="B26" s="1" t="s">
        <v>136</v>
      </c>
      <c r="C26" t="s">
        <v>647</v>
      </c>
      <c r="D26" t="s">
        <v>120</v>
      </c>
      <c r="E26">
        <v>61</v>
      </c>
      <c r="F26">
        <v>6</v>
      </c>
    </row>
    <row r="27" spans="1:6" x14ac:dyDescent="0.25">
      <c r="A27" t="s">
        <v>700</v>
      </c>
      <c r="B27" s="1" t="s">
        <v>715</v>
      </c>
      <c r="C27" t="s">
        <v>716</v>
      </c>
      <c r="D27" t="s">
        <v>120</v>
      </c>
      <c r="E27">
        <v>52</v>
      </c>
      <c r="F27">
        <v>10</v>
      </c>
    </row>
    <row r="28" spans="1:6" x14ac:dyDescent="0.25">
      <c r="A28" t="s">
        <v>731</v>
      </c>
      <c r="B28" s="1" t="s">
        <v>303</v>
      </c>
      <c r="C28" t="s">
        <v>735</v>
      </c>
      <c r="D28" t="s">
        <v>120</v>
      </c>
      <c r="E28">
        <v>78</v>
      </c>
      <c r="F28">
        <v>5</v>
      </c>
    </row>
    <row r="29" spans="1:6" x14ac:dyDescent="0.25">
      <c r="A29" t="s">
        <v>765</v>
      </c>
      <c r="B29" s="1" t="s">
        <v>775</v>
      </c>
      <c r="C29" t="s">
        <v>776</v>
      </c>
      <c r="D29" t="s">
        <v>120</v>
      </c>
      <c r="E29">
        <v>83.5</v>
      </c>
      <c r="F29">
        <v>8</v>
      </c>
    </row>
    <row r="30" spans="1:6" x14ac:dyDescent="0.25">
      <c r="A30" t="s">
        <v>853</v>
      </c>
      <c r="B30" s="1" t="s">
        <v>860</v>
      </c>
      <c r="D30" t="s">
        <v>120</v>
      </c>
      <c r="E30">
        <v>79</v>
      </c>
      <c r="F30">
        <v>7</v>
      </c>
    </row>
    <row r="31" spans="1:6" x14ac:dyDescent="0.25">
      <c r="A31" t="s">
        <v>948</v>
      </c>
      <c r="B31" s="1" t="s">
        <v>953</v>
      </c>
      <c r="D31" t="s">
        <v>120</v>
      </c>
      <c r="E31">
        <v>74.28</v>
      </c>
      <c r="F31">
        <v>5</v>
      </c>
    </row>
    <row r="32" spans="1:6" x14ac:dyDescent="0.25">
      <c r="A32" t="s">
        <v>959</v>
      </c>
      <c r="B32" s="1" t="s">
        <v>965</v>
      </c>
      <c r="D32" t="s">
        <v>129</v>
      </c>
      <c r="E32">
        <v>50.95</v>
      </c>
      <c r="F32">
        <v>6</v>
      </c>
    </row>
    <row r="33" spans="1:6" x14ac:dyDescent="0.25">
      <c r="A33" t="s">
        <v>245</v>
      </c>
      <c r="B33" s="1" t="s">
        <v>256</v>
      </c>
      <c r="D33" t="s">
        <v>125</v>
      </c>
      <c r="E33">
        <v>18.3</v>
      </c>
      <c r="F33">
        <v>9</v>
      </c>
    </row>
    <row r="34" spans="1:6" x14ac:dyDescent="0.25">
      <c r="A34" t="s">
        <v>417</v>
      </c>
      <c r="B34" s="1" t="s">
        <v>214</v>
      </c>
      <c r="C34" t="s">
        <v>418</v>
      </c>
      <c r="D34" t="s">
        <v>125</v>
      </c>
      <c r="E34">
        <v>90</v>
      </c>
      <c r="F34">
        <v>1</v>
      </c>
    </row>
    <row r="35" spans="1:6" x14ac:dyDescent="0.25">
      <c r="A35" t="s">
        <v>546</v>
      </c>
      <c r="B35" s="1" t="s">
        <v>474</v>
      </c>
      <c r="C35" t="s">
        <v>488</v>
      </c>
      <c r="D35" t="s">
        <v>125</v>
      </c>
      <c r="E35">
        <v>83</v>
      </c>
      <c r="F35">
        <v>7</v>
      </c>
    </row>
    <row r="36" spans="1:6" x14ac:dyDescent="0.25">
      <c r="A36" t="s">
        <v>656</v>
      </c>
      <c r="B36" s="1" t="s">
        <v>661</v>
      </c>
      <c r="C36" t="s">
        <v>662</v>
      </c>
      <c r="D36" t="s">
        <v>125</v>
      </c>
      <c r="E36">
        <v>87</v>
      </c>
      <c r="F36">
        <v>4</v>
      </c>
    </row>
    <row r="37" spans="1:6" x14ac:dyDescent="0.25">
      <c r="A37" t="s">
        <v>673</v>
      </c>
      <c r="B37" s="1" t="s">
        <v>680</v>
      </c>
      <c r="D37" t="s">
        <v>125</v>
      </c>
      <c r="E37">
        <v>79.66</v>
      </c>
      <c r="F37">
        <v>7</v>
      </c>
    </row>
    <row r="38" spans="1:6" x14ac:dyDescent="0.25">
      <c r="A38" t="s">
        <v>792</v>
      </c>
      <c r="B38" s="1" t="s">
        <v>794</v>
      </c>
      <c r="D38" t="s">
        <v>125</v>
      </c>
      <c r="E38">
        <v>91.5</v>
      </c>
      <c r="F38">
        <v>2</v>
      </c>
    </row>
    <row r="39" spans="1:6" x14ac:dyDescent="0.25">
      <c r="A39" t="s">
        <v>792</v>
      </c>
      <c r="B39" s="1" t="s">
        <v>799</v>
      </c>
      <c r="D39" t="s">
        <v>125</v>
      </c>
      <c r="E39">
        <v>81.5</v>
      </c>
      <c r="F39">
        <v>7</v>
      </c>
    </row>
    <row r="40" spans="1:6" x14ac:dyDescent="0.25">
      <c r="A40" t="s">
        <v>815</v>
      </c>
      <c r="B40" s="1" t="s">
        <v>819</v>
      </c>
      <c r="D40" t="s">
        <v>125</v>
      </c>
      <c r="E40">
        <v>86</v>
      </c>
      <c r="F40">
        <v>4</v>
      </c>
    </row>
    <row r="41" spans="1:6" x14ac:dyDescent="0.25">
      <c r="A41" t="s">
        <v>925</v>
      </c>
      <c r="B41" s="1" t="s">
        <v>933</v>
      </c>
      <c r="D41" t="s">
        <v>125</v>
      </c>
      <c r="E41">
        <v>55.75</v>
      </c>
      <c r="F41">
        <v>8</v>
      </c>
    </row>
    <row r="42" spans="1:6" x14ac:dyDescent="0.25">
      <c r="A42" t="s">
        <v>387</v>
      </c>
      <c r="B42" s="1" t="s">
        <v>392</v>
      </c>
      <c r="D42" t="s">
        <v>393</v>
      </c>
      <c r="E42">
        <v>84.5</v>
      </c>
      <c r="F42">
        <v>5</v>
      </c>
    </row>
    <row r="43" spans="1:6" x14ac:dyDescent="0.25">
      <c r="A43" t="s">
        <v>387</v>
      </c>
      <c r="B43" s="1" t="s">
        <v>395</v>
      </c>
      <c r="D43" t="s">
        <v>393</v>
      </c>
      <c r="E43">
        <v>83.5</v>
      </c>
      <c r="F43">
        <v>7</v>
      </c>
    </row>
    <row r="44" spans="1:6" x14ac:dyDescent="0.25">
      <c r="A44" t="s">
        <v>601</v>
      </c>
      <c r="B44" s="1" t="s">
        <v>606</v>
      </c>
      <c r="C44" t="s">
        <v>607</v>
      </c>
      <c r="D44" t="s">
        <v>393</v>
      </c>
      <c r="E44">
        <v>37</v>
      </c>
      <c r="F44">
        <v>5</v>
      </c>
    </row>
    <row r="45" spans="1:6" x14ac:dyDescent="0.25">
      <c r="A45" t="s">
        <v>948</v>
      </c>
      <c r="B45" s="1" t="s">
        <v>956</v>
      </c>
      <c r="D45" t="s">
        <v>393</v>
      </c>
      <c r="E45">
        <v>71</v>
      </c>
      <c r="F45">
        <v>8</v>
      </c>
    </row>
    <row r="46" spans="1:6" x14ac:dyDescent="0.25">
      <c r="A46" t="s">
        <v>5</v>
      </c>
      <c r="B46" s="1" t="s">
        <v>32</v>
      </c>
      <c r="C46" t="s">
        <v>33</v>
      </c>
      <c r="D46" t="s">
        <v>34</v>
      </c>
      <c r="E46">
        <v>52</v>
      </c>
      <c r="F46">
        <v>9</v>
      </c>
    </row>
    <row r="47" spans="1:6" x14ac:dyDescent="0.25">
      <c r="A47" t="s">
        <v>684</v>
      </c>
      <c r="B47" s="1" t="s">
        <v>369</v>
      </c>
      <c r="C47" t="s">
        <v>687</v>
      </c>
      <c r="D47" t="s">
        <v>92</v>
      </c>
      <c r="E47">
        <v>87</v>
      </c>
      <c r="F47">
        <v>3</v>
      </c>
    </row>
    <row r="48" spans="1:6" x14ac:dyDescent="0.25">
      <c r="A48" t="s">
        <v>93</v>
      </c>
      <c r="B48" s="1" t="s">
        <v>106</v>
      </c>
      <c r="C48" t="s">
        <v>107</v>
      </c>
      <c r="D48" t="s">
        <v>108</v>
      </c>
      <c r="E48">
        <v>61</v>
      </c>
      <c r="F48">
        <v>5</v>
      </c>
    </row>
    <row r="49" spans="1:6" x14ac:dyDescent="0.25">
      <c r="A49" t="s">
        <v>455</v>
      </c>
      <c r="B49" s="1" t="s">
        <v>460</v>
      </c>
      <c r="D49" t="s">
        <v>108</v>
      </c>
      <c r="E49">
        <v>190.6</v>
      </c>
      <c r="F49">
        <v>5</v>
      </c>
    </row>
    <row r="50" spans="1:6" x14ac:dyDescent="0.25">
      <c r="A50" t="s">
        <v>475</v>
      </c>
      <c r="B50" s="1" t="s">
        <v>38</v>
      </c>
      <c r="C50" t="s">
        <v>485</v>
      </c>
      <c r="D50" t="s">
        <v>108</v>
      </c>
      <c r="E50">
        <v>47</v>
      </c>
      <c r="F50">
        <v>8</v>
      </c>
    </row>
    <row r="51" spans="1:6" x14ac:dyDescent="0.25">
      <c r="A51" t="s">
        <v>490</v>
      </c>
      <c r="B51" s="1" t="s">
        <v>498</v>
      </c>
      <c r="D51" t="s">
        <v>108</v>
      </c>
      <c r="E51">
        <v>13.65</v>
      </c>
      <c r="F51">
        <v>7</v>
      </c>
    </row>
    <row r="52" spans="1:6" x14ac:dyDescent="0.25">
      <c r="A52" t="s">
        <v>576</v>
      </c>
      <c r="B52" s="1" t="s">
        <v>586</v>
      </c>
      <c r="D52" t="s">
        <v>108</v>
      </c>
      <c r="E52">
        <v>79.7</v>
      </c>
      <c r="F52">
        <v>9</v>
      </c>
    </row>
    <row r="53" spans="1:6" x14ac:dyDescent="0.25">
      <c r="A53" t="s">
        <v>841</v>
      </c>
      <c r="B53" s="1" t="s">
        <v>90</v>
      </c>
      <c r="C53" t="s">
        <v>845</v>
      </c>
      <c r="D53" t="s">
        <v>108</v>
      </c>
      <c r="E53">
        <v>39</v>
      </c>
      <c r="F53">
        <v>4</v>
      </c>
    </row>
    <row r="54" spans="1:6" x14ac:dyDescent="0.25">
      <c r="A54" t="s">
        <v>841</v>
      </c>
      <c r="B54" s="1" t="s">
        <v>183</v>
      </c>
      <c r="C54" t="s">
        <v>852</v>
      </c>
      <c r="D54" t="s">
        <v>108</v>
      </c>
      <c r="E54">
        <v>28</v>
      </c>
      <c r="F54">
        <v>10</v>
      </c>
    </row>
    <row r="55" spans="1:6" x14ac:dyDescent="0.25">
      <c r="A55" t="s">
        <v>93</v>
      </c>
      <c r="B55" s="1" t="s">
        <v>109</v>
      </c>
      <c r="C55" t="s">
        <v>110</v>
      </c>
      <c r="D55" t="s">
        <v>111</v>
      </c>
      <c r="E55">
        <v>60</v>
      </c>
      <c r="F55">
        <v>6</v>
      </c>
    </row>
    <row r="56" spans="1:6" x14ac:dyDescent="0.25">
      <c r="A56" t="s">
        <v>373</v>
      </c>
      <c r="B56" s="1" t="s">
        <v>375</v>
      </c>
      <c r="D56" t="s">
        <v>111</v>
      </c>
      <c r="E56">
        <v>263.5</v>
      </c>
      <c r="F56">
        <v>2</v>
      </c>
    </row>
    <row r="57" spans="1:6" x14ac:dyDescent="0.25">
      <c r="A57" t="s">
        <v>430</v>
      </c>
      <c r="B57" s="1" t="s">
        <v>432</v>
      </c>
      <c r="D57" t="s">
        <v>111</v>
      </c>
      <c r="E57">
        <v>187</v>
      </c>
      <c r="F57">
        <v>2</v>
      </c>
    </row>
    <row r="58" spans="1:6" x14ac:dyDescent="0.25">
      <c r="A58" t="s">
        <v>442</v>
      </c>
      <c r="B58" s="1" t="s">
        <v>450</v>
      </c>
      <c r="D58" t="s">
        <v>111</v>
      </c>
      <c r="E58">
        <v>55.3</v>
      </c>
      <c r="F58">
        <v>7</v>
      </c>
    </row>
    <row r="59" spans="1:6" x14ac:dyDescent="0.25">
      <c r="A59" t="s">
        <v>656</v>
      </c>
      <c r="B59" s="1" t="s">
        <v>163</v>
      </c>
      <c r="C59" t="s">
        <v>667</v>
      </c>
      <c r="D59" t="s">
        <v>111</v>
      </c>
      <c r="E59">
        <v>74.5</v>
      </c>
      <c r="F59">
        <v>7</v>
      </c>
    </row>
    <row r="60" spans="1:6" x14ac:dyDescent="0.25">
      <c r="A60" t="s">
        <v>752</v>
      </c>
      <c r="B60" s="1" t="s">
        <v>762</v>
      </c>
      <c r="C60" t="s">
        <v>763</v>
      </c>
      <c r="D60" t="s">
        <v>111</v>
      </c>
      <c r="E60">
        <v>36</v>
      </c>
      <c r="F60">
        <v>8</v>
      </c>
    </row>
    <row r="61" spans="1:6" x14ac:dyDescent="0.25">
      <c r="A61" t="s">
        <v>781</v>
      </c>
      <c r="B61" s="1" t="s">
        <v>784</v>
      </c>
      <c r="D61" t="s">
        <v>111</v>
      </c>
      <c r="E61">
        <v>82.5</v>
      </c>
      <c r="F61">
        <v>3</v>
      </c>
    </row>
    <row r="62" spans="1:6" x14ac:dyDescent="0.25">
      <c r="A62" t="s">
        <v>863</v>
      </c>
      <c r="B62" s="1" t="s">
        <v>869</v>
      </c>
      <c r="D62" t="s">
        <v>111</v>
      </c>
      <c r="E62">
        <v>161.30000000000001</v>
      </c>
      <c r="F62">
        <v>6</v>
      </c>
    </row>
    <row r="63" spans="1:6" x14ac:dyDescent="0.25">
      <c r="A63" t="s">
        <v>288</v>
      </c>
      <c r="B63" s="1" t="s">
        <v>289</v>
      </c>
      <c r="C63" t="s">
        <v>290</v>
      </c>
      <c r="D63" t="s">
        <v>127</v>
      </c>
      <c r="E63">
        <v>85</v>
      </c>
      <c r="F63">
        <v>1</v>
      </c>
    </row>
    <row r="64" spans="1:6" x14ac:dyDescent="0.25">
      <c r="A64" t="s">
        <v>308</v>
      </c>
      <c r="B64" s="1" t="s">
        <v>309</v>
      </c>
      <c r="D64" t="s">
        <v>127</v>
      </c>
      <c r="E64">
        <v>88.66</v>
      </c>
      <c r="F64">
        <v>1</v>
      </c>
    </row>
    <row r="65" spans="1:6" x14ac:dyDescent="0.25">
      <c r="A65" t="s">
        <v>355</v>
      </c>
      <c r="B65" s="1" t="s">
        <v>366</v>
      </c>
      <c r="C65" t="s">
        <v>128</v>
      </c>
      <c r="D65" t="s">
        <v>127</v>
      </c>
      <c r="E65">
        <v>84</v>
      </c>
      <c r="F65">
        <v>9</v>
      </c>
    </row>
    <row r="66" spans="1:6" x14ac:dyDescent="0.25">
      <c r="A66" t="s">
        <v>387</v>
      </c>
      <c r="B66" s="1" t="s">
        <v>398</v>
      </c>
      <c r="D66" t="s">
        <v>127</v>
      </c>
      <c r="E66">
        <v>78</v>
      </c>
      <c r="F66">
        <v>10</v>
      </c>
    </row>
    <row r="67" spans="1:6" x14ac:dyDescent="0.25">
      <c r="A67" t="s">
        <v>401</v>
      </c>
      <c r="B67" s="1" t="s">
        <v>410</v>
      </c>
      <c r="C67" t="s">
        <v>411</v>
      </c>
      <c r="D67" t="s">
        <v>127</v>
      </c>
      <c r="E67">
        <v>79</v>
      </c>
      <c r="F67">
        <v>5</v>
      </c>
    </row>
    <row r="68" spans="1:6" x14ac:dyDescent="0.25">
      <c r="A68" t="s">
        <v>499</v>
      </c>
      <c r="B68" s="1" t="s">
        <v>278</v>
      </c>
      <c r="C68" t="s">
        <v>500</v>
      </c>
      <c r="D68" t="s">
        <v>127</v>
      </c>
      <c r="E68">
        <v>286.33</v>
      </c>
      <c r="F68">
        <v>1</v>
      </c>
    </row>
    <row r="69" spans="1:6" x14ac:dyDescent="0.25">
      <c r="A69" t="s">
        <v>546</v>
      </c>
      <c r="B69" s="1" t="s">
        <v>62</v>
      </c>
      <c r="C69" t="s">
        <v>206</v>
      </c>
      <c r="D69" t="s">
        <v>127</v>
      </c>
      <c r="E69">
        <v>81</v>
      </c>
      <c r="F69">
        <v>9</v>
      </c>
    </row>
    <row r="70" spans="1:6" x14ac:dyDescent="0.25">
      <c r="A70" t="s">
        <v>576</v>
      </c>
      <c r="B70" s="1" t="s">
        <v>587</v>
      </c>
      <c r="D70" t="s">
        <v>127</v>
      </c>
      <c r="E70">
        <v>79.3</v>
      </c>
      <c r="F70">
        <v>10</v>
      </c>
    </row>
    <row r="71" spans="1:6" x14ac:dyDescent="0.25">
      <c r="A71" t="s">
        <v>700</v>
      </c>
      <c r="B71" s="1" t="s">
        <v>704</v>
      </c>
      <c r="C71" t="s">
        <v>161</v>
      </c>
      <c r="D71" t="s">
        <v>127</v>
      </c>
      <c r="E71">
        <v>61</v>
      </c>
      <c r="F71">
        <v>3</v>
      </c>
    </row>
    <row r="72" spans="1:6" x14ac:dyDescent="0.25">
      <c r="A72" t="s">
        <v>700</v>
      </c>
      <c r="B72" s="1" t="s">
        <v>709</v>
      </c>
      <c r="C72" t="s">
        <v>710</v>
      </c>
      <c r="D72" t="s">
        <v>127</v>
      </c>
      <c r="E72">
        <v>55</v>
      </c>
      <c r="F72">
        <v>7</v>
      </c>
    </row>
    <row r="73" spans="1:6" x14ac:dyDescent="0.25">
      <c r="A73" t="s">
        <v>731</v>
      </c>
      <c r="B73" s="1" t="s">
        <v>736</v>
      </c>
      <c r="C73" t="s">
        <v>737</v>
      </c>
      <c r="D73" t="s">
        <v>127</v>
      </c>
      <c r="E73">
        <v>77</v>
      </c>
      <c r="F73">
        <v>6</v>
      </c>
    </row>
    <row r="74" spans="1:6" x14ac:dyDescent="0.25">
      <c r="A74" t="s">
        <v>731</v>
      </c>
      <c r="B74" s="1" t="s">
        <v>575</v>
      </c>
      <c r="C74" t="s">
        <v>738</v>
      </c>
      <c r="D74" t="s">
        <v>127</v>
      </c>
      <c r="E74">
        <v>76</v>
      </c>
      <c r="F74">
        <v>7</v>
      </c>
    </row>
    <row r="75" spans="1:6" x14ac:dyDescent="0.25">
      <c r="A75" t="s">
        <v>815</v>
      </c>
      <c r="B75" s="1" t="s">
        <v>824</v>
      </c>
      <c r="D75" t="s">
        <v>127</v>
      </c>
      <c r="E75">
        <v>59</v>
      </c>
      <c r="F75">
        <v>9</v>
      </c>
    </row>
    <row r="76" spans="1:6" x14ac:dyDescent="0.25">
      <c r="A76" t="s">
        <v>874</v>
      </c>
      <c r="B76" s="1" t="s">
        <v>88</v>
      </c>
      <c r="C76" t="s">
        <v>210</v>
      </c>
      <c r="D76" t="s">
        <v>127</v>
      </c>
      <c r="E76">
        <v>83</v>
      </c>
      <c r="F76">
        <v>1</v>
      </c>
    </row>
    <row r="77" spans="1:6" x14ac:dyDescent="0.25">
      <c r="A77" t="s">
        <v>874</v>
      </c>
      <c r="B77" s="1" t="s">
        <v>875</v>
      </c>
      <c r="C77" t="s">
        <v>876</v>
      </c>
      <c r="D77" t="s">
        <v>127</v>
      </c>
      <c r="E77">
        <v>75</v>
      </c>
      <c r="F77">
        <v>2</v>
      </c>
    </row>
    <row r="78" spans="1:6" x14ac:dyDescent="0.25">
      <c r="A78" t="s">
        <v>430</v>
      </c>
      <c r="B78" s="1" t="s">
        <v>439</v>
      </c>
      <c r="D78" t="s">
        <v>320</v>
      </c>
      <c r="E78">
        <v>166.25</v>
      </c>
      <c r="F78">
        <v>8</v>
      </c>
    </row>
    <row r="79" spans="1:6" x14ac:dyDescent="0.25">
      <c r="A79" t="s">
        <v>642</v>
      </c>
      <c r="B79" s="1" t="s">
        <v>650</v>
      </c>
      <c r="C79" t="s">
        <v>651</v>
      </c>
      <c r="D79" t="s">
        <v>320</v>
      </c>
      <c r="E79">
        <v>60</v>
      </c>
      <c r="F79">
        <v>9</v>
      </c>
    </row>
    <row r="80" spans="1:6" x14ac:dyDescent="0.25">
      <c r="A80" t="s">
        <v>925</v>
      </c>
      <c r="B80" s="1" t="s">
        <v>932</v>
      </c>
      <c r="D80" t="s">
        <v>320</v>
      </c>
      <c r="E80">
        <v>56.75</v>
      </c>
      <c r="F80">
        <v>7</v>
      </c>
    </row>
    <row r="81" spans="1:6" x14ac:dyDescent="0.25">
      <c r="A81" t="s">
        <v>288</v>
      </c>
      <c r="B81" s="1" t="s">
        <v>301</v>
      </c>
      <c r="C81" t="s">
        <v>302</v>
      </c>
      <c r="D81" t="s">
        <v>91</v>
      </c>
      <c r="E81">
        <v>78</v>
      </c>
      <c r="F81">
        <v>8</v>
      </c>
    </row>
    <row r="82" spans="1:6" x14ac:dyDescent="0.25">
      <c r="A82" t="s">
        <v>684</v>
      </c>
      <c r="B82" s="1" t="s">
        <v>202</v>
      </c>
      <c r="C82" t="s">
        <v>203</v>
      </c>
      <c r="D82" t="s">
        <v>91</v>
      </c>
      <c r="E82">
        <v>74.5</v>
      </c>
      <c r="F82">
        <v>7</v>
      </c>
    </row>
    <row r="83" spans="1:6" x14ac:dyDescent="0.25">
      <c r="A83" t="s">
        <v>752</v>
      </c>
      <c r="B83" s="1" t="s">
        <v>200</v>
      </c>
      <c r="C83" t="s">
        <v>201</v>
      </c>
      <c r="D83" t="s">
        <v>91</v>
      </c>
      <c r="E83">
        <v>34</v>
      </c>
      <c r="F83">
        <v>9</v>
      </c>
    </row>
    <row r="84" spans="1:6" x14ac:dyDescent="0.25">
      <c r="A84" t="s">
        <v>93</v>
      </c>
      <c r="B84" s="1" t="s">
        <v>100</v>
      </c>
      <c r="C84" t="s">
        <v>101</v>
      </c>
      <c r="D84" t="s">
        <v>102</v>
      </c>
      <c r="E84">
        <v>62</v>
      </c>
      <c r="F84">
        <v>3</v>
      </c>
    </row>
    <row r="85" spans="1:6" x14ac:dyDescent="0.25">
      <c r="A85" t="s">
        <v>741</v>
      </c>
      <c r="B85" s="1" t="s">
        <v>181</v>
      </c>
      <c r="C85" t="s">
        <v>743</v>
      </c>
      <c r="D85" t="s">
        <v>102</v>
      </c>
      <c r="E85">
        <v>79</v>
      </c>
      <c r="F85">
        <v>2</v>
      </c>
    </row>
    <row r="86" spans="1:6" x14ac:dyDescent="0.25">
      <c r="A86" t="s">
        <v>863</v>
      </c>
      <c r="B86" s="1" t="s">
        <v>865</v>
      </c>
      <c r="D86" t="s">
        <v>102</v>
      </c>
      <c r="E86">
        <v>166</v>
      </c>
      <c r="F86">
        <v>2</v>
      </c>
    </row>
    <row r="87" spans="1:6" x14ac:dyDescent="0.25">
      <c r="A87" t="s">
        <v>56</v>
      </c>
      <c r="B87" s="1" t="s">
        <v>78</v>
      </c>
      <c r="C87" t="s">
        <v>79</v>
      </c>
      <c r="D87" t="s">
        <v>80</v>
      </c>
      <c r="E87">
        <v>31</v>
      </c>
      <c r="F87">
        <v>9</v>
      </c>
    </row>
    <row r="88" spans="1:6" x14ac:dyDescent="0.25">
      <c r="A88" t="s">
        <v>513</v>
      </c>
      <c r="B88" s="1" t="s">
        <v>521</v>
      </c>
      <c r="D88" t="s">
        <v>80</v>
      </c>
      <c r="E88">
        <v>145.75</v>
      </c>
      <c r="F88">
        <v>8</v>
      </c>
    </row>
    <row r="89" spans="1:6" x14ac:dyDescent="0.25">
      <c r="A89" t="s">
        <v>524</v>
      </c>
      <c r="B89" s="1" t="s">
        <v>526</v>
      </c>
      <c r="D89" t="s">
        <v>80</v>
      </c>
      <c r="E89">
        <v>252.6</v>
      </c>
      <c r="F89">
        <v>2</v>
      </c>
    </row>
    <row r="90" spans="1:6" x14ac:dyDescent="0.25">
      <c r="A90" t="s">
        <v>535</v>
      </c>
      <c r="B90" s="1" t="s">
        <v>537</v>
      </c>
      <c r="D90" t="s">
        <v>80</v>
      </c>
      <c r="E90">
        <v>275.02999999999997</v>
      </c>
      <c r="F90">
        <v>2</v>
      </c>
    </row>
    <row r="91" spans="1:6" x14ac:dyDescent="0.25">
      <c r="A91" t="s">
        <v>535</v>
      </c>
      <c r="B91" s="1" t="s">
        <v>540</v>
      </c>
      <c r="D91" t="s">
        <v>80</v>
      </c>
      <c r="E91">
        <v>222.7</v>
      </c>
      <c r="F91">
        <v>5</v>
      </c>
    </row>
    <row r="92" spans="1:6" x14ac:dyDescent="0.25">
      <c r="A92" t="s">
        <v>576</v>
      </c>
      <c r="B92" s="1" t="s">
        <v>583</v>
      </c>
      <c r="D92" t="s">
        <v>80</v>
      </c>
      <c r="E92">
        <v>86.3</v>
      </c>
      <c r="F92">
        <v>6</v>
      </c>
    </row>
    <row r="93" spans="1:6" x14ac:dyDescent="0.25">
      <c r="A93" t="s">
        <v>601</v>
      </c>
      <c r="B93" s="1" t="s">
        <v>604</v>
      </c>
      <c r="C93" t="s">
        <v>605</v>
      </c>
      <c r="D93" t="s">
        <v>80</v>
      </c>
      <c r="E93">
        <v>37</v>
      </c>
      <c r="F93">
        <v>4</v>
      </c>
    </row>
    <row r="94" spans="1:6" x14ac:dyDescent="0.25">
      <c r="A94" t="s">
        <v>642</v>
      </c>
      <c r="B94" s="1" t="s">
        <v>192</v>
      </c>
      <c r="C94" t="s">
        <v>166</v>
      </c>
      <c r="D94" t="s">
        <v>80</v>
      </c>
      <c r="E94">
        <v>65</v>
      </c>
      <c r="F94">
        <v>4</v>
      </c>
    </row>
    <row r="95" spans="1:6" x14ac:dyDescent="0.25">
      <c r="A95" t="s">
        <v>815</v>
      </c>
      <c r="B95" s="1" t="s">
        <v>822</v>
      </c>
      <c r="D95" t="s">
        <v>80</v>
      </c>
      <c r="E95">
        <v>63</v>
      </c>
      <c r="F95">
        <v>7</v>
      </c>
    </row>
    <row r="96" spans="1:6" x14ac:dyDescent="0.25">
      <c r="A96" t="s">
        <v>897</v>
      </c>
      <c r="B96" s="1" t="s">
        <v>900</v>
      </c>
      <c r="C96" t="s">
        <v>901</v>
      </c>
      <c r="D96" t="s">
        <v>80</v>
      </c>
      <c r="E96">
        <v>93.66</v>
      </c>
      <c r="F96">
        <v>2</v>
      </c>
    </row>
    <row r="97" spans="1:6" x14ac:dyDescent="0.25">
      <c r="A97" t="s">
        <v>910</v>
      </c>
      <c r="B97" s="1" t="s">
        <v>220</v>
      </c>
      <c r="C97" t="s">
        <v>912</v>
      </c>
      <c r="D97" t="s">
        <v>80</v>
      </c>
      <c r="E97">
        <v>91.66</v>
      </c>
      <c r="F97">
        <v>2</v>
      </c>
    </row>
    <row r="98" spans="1:6" x14ac:dyDescent="0.25">
      <c r="A98" t="s">
        <v>948</v>
      </c>
      <c r="B98" s="1" t="s">
        <v>951</v>
      </c>
      <c r="D98" t="s">
        <v>80</v>
      </c>
      <c r="E98">
        <v>78.891000000000005</v>
      </c>
      <c r="F98">
        <v>3</v>
      </c>
    </row>
    <row r="99" spans="1:6" x14ac:dyDescent="0.25">
      <c r="A99" t="s">
        <v>401</v>
      </c>
      <c r="B99" s="1" t="s">
        <v>406</v>
      </c>
      <c r="C99" t="s">
        <v>407</v>
      </c>
      <c r="D99" t="s">
        <v>408</v>
      </c>
      <c r="E99">
        <v>80</v>
      </c>
      <c r="F99">
        <v>3</v>
      </c>
    </row>
    <row r="100" spans="1:6" x14ac:dyDescent="0.25">
      <c r="A100" t="s">
        <v>936</v>
      </c>
      <c r="B100" s="1" t="s">
        <v>940</v>
      </c>
      <c r="D100" t="s">
        <v>941</v>
      </c>
      <c r="E100">
        <v>74.400000000000006</v>
      </c>
      <c r="F100">
        <v>4</v>
      </c>
    </row>
    <row r="101" spans="1:6" x14ac:dyDescent="0.25">
      <c r="A101" t="s">
        <v>684</v>
      </c>
      <c r="B101" s="1" t="s">
        <v>694</v>
      </c>
      <c r="C101" t="s">
        <v>695</v>
      </c>
      <c r="D101" t="s">
        <v>384</v>
      </c>
      <c r="E101">
        <v>70</v>
      </c>
      <c r="F101">
        <v>9</v>
      </c>
    </row>
    <row r="102" spans="1:6" x14ac:dyDescent="0.25">
      <c r="A102" t="s">
        <v>56</v>
      </c>
      <c r="B102" s="1" t="s">
        <v>57</v>
      </c>
      <c r="C102" t="s">
        <v>58</v>
      </c>
      <c r="D102" t="s">
        <v>59</v>
      </c>
      <c r="E102">
        <v>61</v>
      </c>
      <c r="F102">
        <v>1</v>
      </c>
    </row>
    <row r="103" spans="1:6" x14ac:dyDescent="0.25">
      <c r="A103" t="s">
        <v>56</v>
      </c>
      <c r="B103" s="1" t="s">
        <v>60</v>
      </c>
      <c r="C103" t="s">
        <v>61</v>
      </c>
      <c r="D103" t="s">
        <v>59</v>
      </c>
      <c r="E103">
        <v>59.5</v>
      </c>
      <c r="F103">
        <v>2</v>
      </c>
    </row>
    <row r="104" spans="1:6" x14ac:dyDescent="0.25">
      <c r="A104" t="s">
        <v>535</v>
      </c>
      <c r="B104" s="1" t="s">
        <v>543</v>
      </c>
      <c r="D104" t="s">
        <v>59</v>
      </c>
      <c r="E104">
        <v>182.33</v>
      </c>
      <c r="F104">
        <v>8</v>
      </c>
    </row>
    <row r="105" spans="1:6" x14ac:dyDescent="0.25">
      <c r="A105" t="s">
        <v>717</v>
      </c>
      <c r="B105" s="1" t="s">
        <v>81</v>
      </c>
      <c r="C105" t="s">
        <v>724</v>
      </c>
      <c r="D105" t="s">
        <v>59</v>
      </c>
      <c r="E105">
        <v>66</v>
      </c>
      <c r="F105">
        <v>5</v>
      </c>
    </row>
    <row r="106" spans="1:6" x14ac:dyDescent="0.25">
      <c r="A106" t="s">
        <v>936</v>
      </c>
      <c r="B106" s="1" t="s">
        <v>947</v>
      </c>
      <c r="D106" t="s">
        <v>59</v>
      </c>
      <c r="E106">
        <v>58.875</v>
      </c>
      <c r="F106">
        <v>10</v>
      </c>
    </row>
    <row r="107" spans="1:6" x14ac:dyDescent="0.25">
      <c r="A107" t="s">
        <v>323</v>
      </c>
      <c r="B107" s="1" t="s">
        <v>332</v>
      </c>
      <c r="D107" t="s">
        <v>138</v>
      </c>
      <c r="E107">
        <v>190</v>
      </c>
      <c r="F107">
        <v>9</v>
      </c>
    </row>
    <row r="108" spans="1:6" x14ac:dyDescent="0.25">
      <c r="A108" t="s">
        <v>442</v>
      </c>
      <c r="B108" s="1" t="s">
        <v>446</v>
      </c>
      <c r="D108" t="s">
        <v>138</v>
      </c>
      <c r="E108">
        <v>62.3</v>
      </c>
      <c r="F108">
        <v>4</v>
      </c>
    </row>
    <row r="109" spans="1:6" x14ac:dyDescent="0.25">
      <c r="A109" t="s">
        <v>535</v>
      </c>
      <c r="B109" s="1" t="s">
        <v>541</v>
      </c>
      <c r="D109" t="s">
        <v>138</v>
      </c>
      <c r="E109">
        <v>215.7</v>
      </c>
      <c r="F109">
        <v>6</v>
      </c>
    </row>
    <row r="110" spans="1:6" x14ac:dyDescent="0.25">
      <c r="A110" t="s">
        <v>684</v>
      </c>
      <c r="B110" s="1" t="s">
        <v>689</v>
      </c>
      <c r="C110" t="s">
        <v>690</v>
      </c>
      <c r="D110" t="s">
        <v>138</v>
      </c>
      <c r="E110">
        <v>78.66</v>
      </c>
      <c r="F110">
        <v>5</v>
      </c>
    </row>
    <row r="111" spans="1:6" x14ac:dyDescent="0.25">
      <c r="A111" t="s">
        <v>700</v>
      </c>
      <c r="B111" s="1" t="s">
        <v>49</v>
      </c>
      <c r="C111" t="s">
        <v>701</v>
      </c>
      <c r="D111" t="s">
        <v>138</v>
      </c>
      <c r="E111">
        <v>65</v>
      </c>
      <c r="F111">
        <v>1</v>
      </c>
    </row>
    <row r="112" spans="1:6" x14ac:dyDescent="0.25">
      <c r="A112" t="s">
        <v>145</v>
      </c>
      <c r="B112" s="1" t="s">
        <v>153</v>
      </c>
      <c r="D112" t="s">
        <v>154</v>
      </c>
      <c r="E112">
        <v>103.7</v>
      </c>
      <c r="F112">
        <v>8</v>
      </c>
    </row>
    <row r="113" spans="1:6" x14ac:dyDescent="0.25">
      <c r="A113" t="s">
        <v>475</v>
      </c>
      <c r="B113" s="1" t="s">
        <v>481</v>
      </c>
      <c r="C113" t="s">
        <v>482</v>
      </c>
      <c r="D113" t="s">
        <v>352</v>
      </c>
      <c r="E113">
        <v>54</v>
      </c>
      <c r="F113">
        <v>5</v>
      </c>
    </row>
    <row r="114" spans="1:6" x14ac:dyDescent="0.25">
      <c r="A114" t="s">
        <v>524</v>
      </c>
      <c r="B114" s="1" t="s">
        <v>528</v>
      </c>
      <c r="D114" t="s">
        <v>352</v>
      </c>
      <c r="E114">
        <v>242.3</v>
      </c>
      <c r="F114">
        <v>4</v>
      </c>
    </row>
    <row r="115" spans="1:6" x14ac:dyDescent="0.25">
      <c r="A115" t="s">
        <v>832</v>
      </c>
      <c r="B115" s="1" t="s">
        <v>837</v>
      </c>
      <c r="D115" t="s">
        <v>352</v>
      </c>
      <c r="E115">
        <v>52.5</v>
      </c>
      <c r="F115">
        <v>5</v>
      </c>
    </row>
    <row r="116" spans="1:6" x14ac:dyDescent="0.25">
      <c r="A116" t="s">
        <v>936</v>
      </c>
      <c r="B116" s="1" t="s">
        <v>937</v>
      </c>
      <c r="D116" t="s">
        <v>258</v>
      </c>
      <c r="E116">
        <v>93.75</v>
      </c>
      <c r="F116">
        <v>1</v>
      </c>
    </row>
    <row r="117" spans="1:6" x14ac:dyDescent="0.25">
      <c r="A117" t="s">
        <v>959</v>
      </c>
      <c r="B117" s="1" t="s">
        <v>961</v>
      </c>
      <c r="D117" t="s">
        <v>258</v>
      </c>
      <c r="E117">
        <v>73.8</v>
      </c>
      <c r="F117">
        <v>2</v>
      </c>
    </row>
    <row r="118" spans="1:6" x14ac:dyDescent="0.25">
      <c r="A118" t="s">
        <v>5</v>
      </c>
      <c r="B118" s="1" t="s">
        <v>35</v>
      </c>
      <c r="C118" t="s">
        <v>36</v>
      </c>
      <c r="D118" t="s">
        <v>37</v>
      </c>
      <c r="E118">
        <v>52</v>
      </c>
      <c r="F118">
        <v>10</v>
      </c>
    </row>
    <row r="119" spans="1:6" x14ac:dyDescent="0.25">
      <c r="A119" t="s">
        <v>588</v>
      </c>
      <c r="B119" s="1" t="s">
        <v>594</v>
      </c>
      <c r="D119" t="s">
        <v>37</v>
      </c>
      <c r="E119">
        <v>56</v>
      </c>
      <c r="F119">
        <v>5</v>
      </c>
    </row>
    <row r="120" spans="1:6" x14ac:dyDescent="0.25">
      <c r="A120" t="s">
        <v>804</v>
      </c>
      <c r="B120" s="1" t="s">
        <v>813</v>
      </c>
      <c r="D120" t="s">
        <v>37</v>
      </c>
      <c r="E120">
        <v>81.75</v>
      </c>
      <c r="F120">
        <v>9</v>
      </c>
    </row>
    <row r="121" spans="1:6" x14ac:dyDescent="0.25">
      <c r="A121" t="s">
        <v>642</v>
      </c>
      <c r="B121" s="1" t="s">
        <v>645</v>
      </c>
      <c r="C121" t="s">
        <v>646</v>
      </c>
      <c r="D121" t="s">
        <v>236</v>
      </c>
      <c r="E121">
        <v>67</v>
      </c>
      <c r="F121">
        <v>3</v>
      </c>
    </row>
    <row r="122" spans="1:6" x14ac:dyDescent="0.25">
      <c r="A122" t="s">
        <v>804</v>
      </c>
      <c r="B122" s="1" t="s">
        <v>808</v>
      </c>
      <c r="D122" t="s">
        <v>236</v>
      </c>
      <c r="E122">
        <v>97.5</v>
      </c>
      <c r="F122">
        <v>4</v>
      </c>
    </row>
    <row r="123" spans="1:6" x14ac:dyDescent="0.25">
      <c r="A123" t="s">
        <v>886</v>
      </c>
      <c r="B123" s="1" t="s">
        <v>890</v>
      </c>
      <c r="D123" t="s">
        <v>46</v>
      </c>
      <c r="E123">
        <v>132</v>
      </c>
      <c r="F123">
        <v>4</v>
      </c>
    </row>
    <row r="124" spans="1:6" x14ac:dyDescent="0.25">
      <c r="A124" t="s">
        <v>262</v>
      </c>
      <c r="B124" s="1" t="s">
        <v>156</v>
      </c>
      <c r="C124" t="s">
        <v>267</v>
      </c>
      <c r="D124" t="s">
        <v>268</v>
      </c>
      <c r="E124">
        <v>64</v>
      </c>
      <c r="F124">
        <v>3</v>
      </c>
    </row>
    <row r="125" spans="1:6" x14ac:dyDescent="0.25">
      <c r="A125" t="s">
        <v>490</v>
      </c>
      <c r="B125" s="1" t="s">
        <v>491</v>
      </c>
      <c r="D125" t="s">
        <v>268</v>
      </c>
      <c r="E125">
        <v>91</v>
      </c>
      <c r="F125">
        <v>1</v>
      </c>
    </row>
    <row r="126" spans="1:6" x14ac:dyDescent="0.25">
      <c r="A126" t="s">
        <v>588</v>
      </c>
      <c r="B126" s="1" t="s">
        <v>589</v>
      </c>
      <c r="D126" t="s">
        <v>268</v>
      </c>
      <c r="E126">
        <v>92.3</v>
      </c>
      <c r="F126">
        <v>1</v>
      </c>
    </row>
    <row r="127" spans="1:6" x14ac:dyDescent="0.25">
      <c r="A127" t="s">
        <v>656</v>
      </c>
      <c r="B127" s="1" t="s">
        <v>657</v>
      </c>
      <c r="C127" t="s">
        <v>658</v>
      </c>
      <c r="D127" t="s">
        <v>268</v>
      </c>
      <c r="E127">
        <v>94</v>
      </c>
      <c r="F127">
        <v>1</v>
      </c>
    </row>
    <row r="128" spans="1:6" x14ac:dyDescent="0.25">
      <c r="A128" t="s">
        <v>656</v>
      </c>
      <c r="B128" s="1" t="s">
        <v>663</v>
      </c>
      <c r="C128" t="s">
        <v>664</v>
      </c>
      <c r="D128" t="s">
        <v>268</v>
      </c>
      <c r="E128">
        <v>76</v>
      </c>
      <c r="F128">
        <v>5</v>
      </c>
    </row>
    <row r="129" spans="1:6" x14ac:dyDescent="0.25">
      <c r="A129" t="s">
        <v>673</v>
      </c>
      <c r="B129" s="1" t="s">
        <v>683</v>
      </c>
      <c r="D129" t="s">
        <v>268</v>
      </c>
      <c r="E129">
        <v>71.3</v>
      </c>
      <c r="F129">
        <v>10</v>
      </c>
    </row>
    <row r="130" spans="1:6" x14ac:dyDescent="0.25">
      <c r="A130" t="s">
        <v>684</v>
      </c>
      <c r="B130" s="1" t="s">
        <v>655</v>
      </c>
      <c r="C130" t="s">
        <v>685</v>
      </c>
      <c r="D130" t="s">
        <v>268</v>
      </c>
      <c r="E130">
        <v>124.66</v>
      </c>
      <c r="F130">
        <v>1</v>
      </c>
    </row>
    <row r="131" spans="1:6" x14ac:dyDescent="0.25">
      <c r="A131" t="s">
        <v>752</v>
      </c>
      <c r="B131" s="1" t="s">
        <v>758</v>
      </c>
      <c r="C131" t="s">
        <v>759</v>
      </c>
      <c r="D131" t="s">
        <v>268</v>
      </c>
      <c r="E131">
        <v>38</v>
      </c>
      <c r="F131">
        <v>5</v>
      </c>
    </row>
    <row r="132" spans="1:6" x14ac:dyDescent="0.25">
      <c r="A132" t="s">
        <v>804</v>
      </c>
      <c r="B132" s="1" t="s">
        <v>809</v>
      </c>
      <c r="D132" t="s">
        <v>268</v>
      </c>
      <c r="E132">
        <v>96.5</v>
      </c>
      <c r="F132">
        <v>5</v>
      </c>
    </row>
    <row r="133" spans="1:6" x14ac:dyDescent="0.25">
      <c r="A133" t="s">
        <v>853</v>
      </c>
      <c r="B133" s="1" t="s">
        <v>859</v>
      </c>
      <c r="D133" t="s">
        <v>268</v>
      </c>
      <c r="E133">
        <v>89.5</v>
      </c>
      <c r="F133">
        <v>6</v>
      </c>
    </row>
    <row r="134" spans="1:6" x14ac:dyDescent="0.25">
      <c r="A134" t="s">
        <v>853</v>
      </c>
      <c r="B134" s="1" t="s">
        <v>861</v>
      </c>
      <c r="D134" t="s">
        <v>268</v>
      </c>
      <c r="E134">
        <v>76</v>
      </c>
      <c r="F134">
        <v>8</v>
      </c>
    </row>
    <row r="135" spans="1:6" x14ac:dyDescent="0.25">
      <c r="A135" t="s">
        <v>910</v>
      </c>
      <c r="B135" s="1" t="s">
        <v>192</v>
      </c>
      <c r="C135" t="s">
        <v>911</v>
      </c>
      <c r="D135" t="s">
        <v>268</v>
      </c>
      <c r="E135">
        <v>92.66</v>
      </c>
      <c r="F135">
        <v>1</v>
      </c>
    </row>
    <row r="136" spans="1:6" x14ac:dyDescent="0.25">
      <c r="A136" t="s">
        <v>925</v>
      </c>
      <c r="B136" s="1" t="s">
        <v>928</v>
      </c>
      <c r="D136" t="s">
        <v>268</v>
      </c>
      <c r="E136">
        <v>72.5</v>
      </c>
      <c r="F136">
        <v>3</v>
      </c>
    </row>
    <row r="137" spans="1:6" x14ac:dyDescent="0.25">
      <c r="A137" t="s">
        <v>642</v>
      </c>
      <c r="B137" s="1" t="s">
        <v>370</v>
      </c>
      <c r="C137" t="s">
        <v>240</v>
      </c>
      <c r="D137" t="s">
        <v>649</v>
      </c>
      <c r="E137">
        <v>60</v>
      </c>
      <c r="F137">
        <v>8</v>
      </c>
    </row>
    <row r="138" spans="1:6" x14ac:dyDescent="0.25">
      <c r="A138" t="s">
        <v>56</v>
      </c>
      <c r="B138" s="1" t="s">
        <v>73</v>
      </c>
      <c r="C138" t="s">
        <v>74</v>
      </c>
      <c r="D138" t="s">
        <v>75</v>
      </c>
      <c r="E138">
        <v>37</v>
      </c>
      <c r="F138">
        <v>7</v>
      </c>
    </row>
    <row r="139" spans="1:6" x14ac:dyDescent="0.25">
      <c r="A139" t="s">
        <v>145</v>
      </c>
      <c r="B139" s="1" t="s">
        <v>148</v>
      </c>
      <c r="D139" t="s">
        <v>75</v>
      </c>
      <c r="E139">
        <v>171.5</v>
      </c>
      <c r="F139">
        <v>3</v>
      </c>
    </row>
    <row r="140" spans="1:6" x14ac:dyDescent="0.25">
      <c r="A140" t="s">
        <v>502</v>
      </c>
      <c r="B140" s="1" t="s">
        <v>507</v>
      </c>
      <c r="D140" t="s">
        <v>75</v>
      </c>
      <c r="E140">
        <v>73.599999999999994</v>
      </c>
      <c r="F140">
        <v>5</v>
      </c>
    </row>
    <row r="141" spans="1:6" x14ac:dyDescent="0.25">
      <c r="A141" t="s">
        <v>863</v>
      </c>
      <c r="B141" s="1" t="s">
        <v>868</v>
      </c>
      <c r="D141" t="s">
        <v>75</v>
      </c>
      <c r="E141">
        <v>163</v>
      </c>
      <c r="F141">
        <v>5</v>
      </c>
    </row>
    <row r="142" spans="1:6" x14ac:dyDescent="0.25">
      <c r="A142" t="s">
        <v>886</v>
      </c>
      <c r="B142" s="1" t="s">
        <v>894</v>
      </c>
      <c r="D142" t="s">
        <v>75</v>
      </c>
      <c r="E142">
        <v>127</v>
      </c>
      <c r="F142">
        <v>8</v>
      </c>
    </row>
    <row r="143" spans="1:6" x14ac:dyDescent="0.25">
      <c r="A143" t="s">
        <v>559</v>
      </c>
      <c r="B143" s="1" t="s">
        <v>95</v>
      </c>
      <c r="C143" t="s">
        <v>574</v>
      </c>
      <c r="D143" t="s">
        <v>501</v>
      </c>
      <c r="E143">
        <v>51</v>
      </c>
      <c r="F143">
        <v>9</v>
      </c>
    </row>
    <row r="144" spans="1:6" x14ac:dyDescent="0.25">
      <c r="A144" t="s">
        <v>5</v>
      </c>
      <c r="B144" s="1" t="s">
        <v>29</v>
      </c>
      <c r="C144" t="s">
        <v>30</v>
      </c>
      <c r="D144" t="s">
        <v>31</v>
      </c>
      <c r="E144">
        <v>53</v>
      </c>
      <c r="F144">
        <v>8</v>
      </c>
    </row>
    <row r="145" spans="1:6" x14ac:dyDescent="0.25">
      <c r="A145" t="s">
        <v>467</v>
      </c>
      <c r="B145" s="1" t="s">
        <v>160</v>
      </c>
      <c r="C145" t="s">
        <v>472</v>
      </c>
      <c r="D145" t="s">
        <v>31</v>
      </c>
      <c r="E145">
        <v>65</v>
      </c>
      <c r="F145">
        <v>9</v>
      </c>
    </row>
    <row r="146" spans="1:6" x14ac:dyDescent="0.25">
      <c r="A146" t="s">
        <v>245</v>
      </c>
      <c r="B146" s="1" t="s">
        <v>254</v>
      </c>
      <c r="D146" t="s">
        <v>44</v>
      </c>
      <c r="E146">
        <v>32</v>
      </c>
      <c r="F146">
        <v>7</v>
      </c>
    </row>
    <row r="147" spans="1:6" x14ac:dyDescent="0.25">
      <c r="A147" t="s">
        <v>417</v>
      </c>
      <c r="B147" s="1" t="s">
        <v>230</v>
      </c>
      <c r="C147" t="s">
        <v>419</v>
      </c>
      <c r="D147" t="s">
        <v>44</v>
      </c>
      <c r="E147">
        <v>88</v>
      </c>
      <c r="F147">
        <v>2</v>
      </c>
    </row>
    <row r="148" spans="1:6" x14ac:dyDescent="0.25">
      <c r="A148" t="s">
        <v>475</v>
      </c>
      <c r="B148" s="1" t="s">
        <v>214</v>
      </c>
      <c r="C148" t="s">
        <v>416</v>
      </c>
      <c r="D148" t="s">
        <v>44</v>
      </c>
      <c r="E148">
        <v>46</v>
      </c>
      <c r="F148">
        <v>9</v>
      </c>
    </row>
    <row r="149" spans="1:6" x14ac:dyDescent="0.25">
      <c r="A149" t="s">
        <v>630</v>
      </c>
      <c r="B149" s="1" t="s">
        <v>641</v>
      </c>
      <c r="D149" t="s">
        <v>44</v>
      </c>
      <c r="E149">
        <v>39.75</v>
      </c>
      <c r="F149">
        <v>10</v>
      </c>
    </row>
    <row r="150" spans="1:6" x14ac:dyDescent="0.25">
      <c r="A150" t="s">
        <v>700</v>
      </c>
      <c r="B150" s="1" t="s">
        <v>702</v>
      </c>
      <c r="C150" t="s">
        <v>703</v>
      </c>
      <c r="D150" t="s">
        <v>44</v>
      </c>
      <c r="E150">
        <v>63</v>
      </c>
      <c r="F150">
        <v>2</v>
      </c>
    </row>
    <row r="151" spans="1:6" x14ac:dyDescent="0.25">
      <c r="A151" t="s">
        <v>700</v>
      </c>
      <c r="B151" s="1" t="s">
        <v>705</v>
      </c>
      <c r="C151" t="s">
        <v>706</v>
      </c>
      <c r="D151" t="s">
        <v>44</v>
      </c>
      <c r="E151">
        <v>58</v>
      </c>
      <c r="F151">
        <v>5</v>
      </c>
    </row>
    <row r="152" spans="1:6" x14ac:dyDescent="0.25">
      <c r="A152" t="s">
        <v>717</v>
      </c>
      <c r="B152" s="1" t="s">
        <v>370</v>
      </c>
      <c r="C152" t="s">
        <v>728</v>
      </c>
      <c r="D152" t="s">
        <v>44</v>
      </c>
      <c r="E152">
        <v>62</v>
      </c>
      <c r="F152">
        <v>9</v>
      </c>
    </row>
    <row r="153" spans="1:6" x14ac:dyDescent="0.25">
      <c r="A153" t="s">
        <v>792</v>
      </c>
      <c r="B153" s="1" t="s">
        <v>797</v>
      </c>
      <c r="D153" t="s">
        <v>44</v>
      </c>
      <c r="E153">
        <v>86.5</v>
      </c>
      <c r="F153">
        <v>5</v>
      </c>
    </row>
    <row r="154" spans="1:6" x14ac:dyDescent="0.25">
      <c r="A154" t="s">
        <v>863</v>
      </c>
      <c r="B154" s="1" t="s">
        <v>866</v>
      </c>
      <c r="D154" t="s">
        <v>44</v>
      </c>
      <c r="E154">
        <v>164.3</v>
      </c>
      <c r="F154">
        <v>3</v>
      </c>
    </row>
    <row r="155" spans="1:6" x14ac:dyDescent="0.25">
      <c r="A155" t="s">
        <v>897</v>
      </c>
      <c r="B155" s="1" t="s">
        <v>902</v>
      </c>
      <c r="C155" t="s">
        <v>903</v>
      </c>
      <c r="D155" t="s">
        <v>44</v>
      </c>
      <c r="E155">
        <v>91</v>
      </c>
      <c r="F155">
        <v>3</v>
      </c>
    </row>
    <row r="156" spans="1:6" x14ac:dyDescent="0.25">
      <c r="A156" t="s">
        <v>841</v>
      </c>
      <c r="B156" s="1" t="s">
        <v>848</v>
      </c>
      <c r="C156" t="s">
        <v>162</v>
      </c>
      <c r="D156" t="s">
        <v>134</v>
      </c>
      <c r="E156">
        <v>35</v>
      </c>
      <c r="F156">
        <v>6</v>
      </c>
    </row>
    <row r="157" spans="1:6" x14ac:dyDescent="0.25">
      <c r="A157" t="s">
        <v>262</v>
      </c>
      <c r="B157" s="1" t="s">
        <v>64</v>
      </c>
      <c r="C157" t="s">
        <v>272</v>
      </c>
      <c r="D157" t="s">
        <v>273</v>
      </c>
      <c r="E157">
        <v>61</v>
      </c>
      <c r="F157">
        <v>5</v>
      </c>
    </row>
    <row r="158" spans="1:6" x14ac:dyDescent="0.25">
      <c r="A158" t="s">
        <v>355</v>
      </c>
      <c r="B158" s="1" t="s">
        <v>365</v>
      </c>
      <c r="C158" t="s">
        <v>122</v>
      </c>
      <c r="D158" t="s">
        <v>273</v>
      </c>
      <c r="E158">
        <v>88</v>
      </c>
      <c r="F158">
        <v>8</v>
      </c>
    </row>
    <row r="159" spans="1:6" x14ac:dyDescent="0.25">
      <c r="A159" t="s">
        <v>417</v>
      </c>
      <c r="B159" s="1" t="s">
        <v>420</v>
      </c>
      <c r="C159" t="s">
        <v>421</v>
      </c>
      <c r="D159" t="s">
        <v>273</v>
      </c>
      <c r="E159">
        <v>82.25</v>
      </c>
      <c r="F159">
        <v>3</v>
      </c>
    </row>
    <row r="160" spans="1:6" x14ac:dyDescent="0.25">
      <c r="A160" t="s">
        <v>475</v>
      </c>
      <c r="B160" s="1" t="s">
        <v>52</v>
      </c>
      <c r="C160" t="s">
        <v>483</v>
      </c>
      <c r="D160" t="s">
        <v>273</v>
      </c>
      <c r="E160">
        <v>54</v>
      </c>
      <c r="F160">
        <v>6</v>
      </c>
    </row>
    <row r="161" spans="1:6" x14ac:dyDescent="0.25">
      <c r="A161" t="s">
        <v>513</v>
      </c>
      <c r="B161" s="1" t="s">
        <v>516</v>
      </c>
      <c r="D161" t="s">
        <v>273</v>
      </c>
      <c r="E161">
        <v>166.5</v>
      </c>
      <c r="F161">
        <v>3</v>
      </c>
    </row>
    <row r="162" spans="1:6" x14ac:dyDescent="0.25">
      <c r="A162" t="s">
        <v>615</v>
      </c>
      <c r="B162" s="1" t="s">
        <v>229</v>
      </c>
      <c r="C162" t="s">
        <v>616</v>
      </c>
      <c r="D162" t="s">
        <v>273</v>
      </c>
      <c r="E162">
        <v>142.66</v>
      </c>
      <c r="F162">
        <v>1</v>
      </c>
    </row>
    <row r="163" spans="1:6" x14ac:dyDescent="0.25">
      <c r="A163" t="s">
        <v>765</v>
      </c>
      <c r="B163" s="1" t="s">
        <v>139</v>
      </c>
      <c r="C163" t="s">
        <v>774</v>
      </c>
      <c r="D163" t="s">
        <v>273</v>
      </c>
      <c r="E163">
        <v>87.5</v>
      </c>
      <c r="F163">
        <v>7</v>
      </c>
    </row>
    <row r="164" spans="1:6" x14ac:dyDescent="0.25">
      <c r="A164" t="s">
        <v>897</v>
      </c>
      <c r="B164" s="1" t="s">
        <v>779</v>
      </c>
      <c r="C164" t="s">
        <v>367</v>
      </c>
      <c r="D164" t="s">
        <v>273</v>
      </c>
      <c r="E164">
        <v>78</v>
      </c>
      <c r="F164">
        <v>8</v>
      </c>
    </row>
    <row r="165" spans="1:6" x14ac:dyDescent="0.25">
      <c r="A165" t="s">
        <v>335</v>
      </c>
      <c r="B165" s="1" t="s">
        <v>81</v>
      </c>
      <c r="C165" t="s">
        <v>342</v>
      </c>
      <c r="D165" t="s">
        <v>343</v>
      </c>
      <c r="E165">
        <v>63</v>
      </c>
      <c r="F165">
        <v>4</v>
      </c>
    </row>
    <row r="166" spans="1:6" x14ac:dyDescent="0.25">
      <c r="A166" t="s">
        <v>841</v>
      </c>
      <c r="B166" s="1" t="s">
        <v>172</v>
      </c>
      <c r="C166" t="s">
        <v>842</v>
      </c>
      <c r="D166" t="s">
        <v>343</v>
      </c>
      <c r="E166">
        <v>54</v>
      </c>
      <c r="F166">
        <v>1</v>
      </c>
    </row>
    <row r="167" spans="1:6" x14ac:dyDescent="0.25">
      <c r="A167" t="s">
        <v>245</v>
      </c>
      <c r="B167" s="1" t="s">
        <v>252</v>
      </c>
      <c r="D167" t="s">
        <v>253</v>
      </c>
      <c r="E167">
        <v>41</v>
      </c>
      <c r="F167">
        <v>6</v>
      </c>
    </row>
    <row r="168" spans="1:6" x14ac:dyDescent="0.25">
      <c r="A168" t="s">
        <v>335</v>
      </c>
      <c r="B168" s="1" t="s">
        <v>350</v>
      </c>
      <c r="C168" t="s">
        <v>351</v>
      </c>
      <c r="D168" t="s">
        <v>253</v>
      </c>
      <c r="E168">
        <v>55</v>
      </c>
      <c r="F168">
        <v>10</v>
      </c>
    </row>
    <row r="169" spans="1:6" x14ac:dyDescent="0.25">
      <c r="A169" t="s">
        <v>576</v>
      </c>
      <c r="B169" s="1" t="s">
        <v>585</v>
      </c>
      <c r="D169" t="s">
        <v>253</v>
      </c>
      <c r="E169">
        <v>82.5</v>
      </c>
      <c r="F169">
        <v>8</v>
      </c>
    </row>
    <row r="170" spans="1:6" x14ac:dyDescent="0.25">
      <c r="A170" t="s">
        <v>792</v>
      </c>
      <c r="B170" s="1" t="s">
        <v>798</v>
      </c>
      <c r="D170" t="s">
        <v>253</v>
      </c>
      <c r="E170">
        <v>83.5</v>
      </c>
      <c r="F170">
        <v>6</v>
      </c>
    </row>
    <row r="171" spans="1:6" x14ac:dyDescent="0.25">
      <c r="A171" t="s">
        <v>815</v>
      </c>
      <c r="B171" s="1" t="s">
        <v>817</v>
      </c>
      <c r="D171" t="s">
        <v>253</v>
      </c>
      <c r="E171">
        <v>95</v>
      </c>
      <c r="F171">
        <v>2</v>
      </c>
    </row>
    <row r="172" spans="1:6" x14ac:dyDescent="0.25">
      <c r="A172" t="s">
        <v>815</v>
      </c>
      <c r="B172" s="1" t="s">
        <v>820</v>
      </c>
      <c r="D172" t="s">
        <v>253</v>
      </c>
      <c r="E172">
        <v>67.5</v>
      </c>
      <c r="F172">
        <v>5</v>
      </c>
    </row>
    <row r="173" spans="1:6" x14ac:dyDescent="0.25">
      <c r="A173" t="s">
        <v>948</v>
      </c>
      <c r="B173" s="1" t="s">
        <v>955</v>
      </c>
      <c r="D173" t="s">
        <v>253</v>
      </c>
      <c r="E173">
        <v>71</v>
      </c>
      <c r="F173">
        <v>7</v>
      </c>
    </row>
    <row r="174" spans="1:6" x14ac:dyDescent="0.25">
      <c r="A174" t="s">
        <v>430</v>
      </c>
      <c r="B174" s="1" t="s">
        <v>438</v>
      </c>
      <c r="D174" t="s">
        <v>354</v>
      </c>
      <c r="E174">
        <v>168.75</v>
      </c>
      <c r="F174">
        <v>7</v>
      </c>
    </row>
    <row r="175" spans="1:6" x14ac:dyDescent="0.25">
      <c r="A175" t="s">
        <v>731</v>
      </c>
      <c r="B175" s="1" t="s">
        <v>179</v>
      </c>
      <c r="C175" t="s">
        <v>734</v>
      </c>
      <c r="D175" t="s">
        <v>354</v>
      </c>
      <c r="E175">
        <v>79</v>
      </c>
      <c r="F175">
        <v>3</v>
      </c>
    </row>
    <row r="176" spans="1:6" x14ac:dyDescent="0.25">
      <c r="A176" t="s">
        <v>56</v>
      </c>
      <c r="B176" s="1" t="s">
        <v>67</v>
      </c>
      <c r="C176" t="s">
        <v>68</v>
      </c>
      <c r="D176" t="s">
        <v>69</v>
      </c>
      <c r="E176">
        <v>45.5</v>
      </c>
      <c r="F176">
        <v>5</v>
      </c>
    </row>
    <row r="177" spans="1:6" x14ac:dyDescent="0.25">
      <c r="A177" t="s">
        <v>145</v>
      </c>
      <c r="B177" s="1" t="s">
        <v>150</v>
      </c>
      <c r="D177" t="s">
        <v>69</v>
      </c>
      <c r="E177">
        <v>141.69999999999999</v>
      </c>
      <c r="F177">
        <v>5</v>
      </c>
    </row>
    <row r="178" spans="1:6" x14ac:dyDescent="0.25">
      <c r="A178" t="s">
        <v>308</v>
      </c>
      <c r="B178" s="1" t="s">
        <v>310</v>
      </c>
      <c r="D178" t="s">
        <v>69</v>
      </c>
      <c r="E178">
        <v>88.33</v>
      </c>
      <c r="F178">
        <v>2</v>
      </c>
    </row>
    <row r="179" spans="1:6" x14ac:dyDescent="0.25">
      <c r="A179" t="s">
        <v>513</v>
      </c>
      <c r="B179" s="1" t="s">
        <v>514</v>
      </c>
      <c r="D179" t="s">
        <v>69</v>
      </c>
      <c r="E179">
        <v>180</v>
      </c>
      <c r="F179">
        <v>1</v>
      </c>
    </row>
    <row r="180" spans="1:6" x14ac:dyDescent="0.25">
      <c r="A180" t="s">
        <v>524</v>
      </c>
      <c r="B180" s="1" t="s">
        <v>525</v>
      </c>
      <c r="D180" t="s">
        <v>69</v>
      </c>
      <c r="E180">
        <v>257.3</v>
      </c>
      <c r="F180">
        <v>1</v>
      </c>
    </row>
    <row r="181" spans="1:6" x14ac:dyDescent="0.25">
      <c r="A181" t="s">
        <v>535</v>
      </c>
      <c r="B181" s="1" t="s">
        <v>536</v>
      </c>
      <c r="D181" t="s">
        <v>69</v>
      </c>
      <c r="E181">
        <v>291.7</v>
      </c>
      <c r="F181">
        <v>1</v>
      </c>
    </row>
    <row r="182" spans="1:6" x14ac:dyDescent="0.25">
      <c r="A182" t="s">
        <v>615</v>
      </c>
      <c r="B182" s="1" t="s">
        <v>626</v>
      </c>
      <c r="C182" t="s">
        <v>627</v>
      </c>
      <c r="D182" t="s">
        <v>69</v>
      </c>
      <c r="E182">
        <v>96</v>
      </c>
      <c r="F182">
        <v>9</v>
      </c>
    </row>
    <row r="183" spans="1:6" x14ac:dyDescent="0.25">
      <c r="A183" t="s">
        <v>781</v>
      </c>
      <c r="B183" s="1" t="s">
        <v>785</v>
      </c>
      <c r="D183" t="s">
        <v>69</v>
      </c>
      <c r="E183">
        <v>81</v>
      </c>
      <c r="F183">
        <v>4</v>
      </c>
    </row>
    <row r="184" spans="1:6" x14ac:dyDescent="0.25">
      <c r="A184" t="s">
        <v>827</v>
      </c>
      <c r="B184" s="1" t="s">
        <v>828</v>
      </c>
      <c r="D184" t="s">
        <v>69</v>
      </c>
      <c r="E184">
        <v>139.69999999999999</v>
      </c>
      <c r="F184">
        <v>1</v>
      </c>
    </row>
    <row r="185" spans="1:6" x14ac:dyDescent="0.25">
      <c r="A185" t="s">
        <v>832</v>
      </c>
      <c r="B185" s="1" t="s">
        <v>838</v>
      </c>
      <c r="D185" t="s">
        <v>69</v>
      </c>
      <c r="E185">
        <v>41.25</v>
      </c>
      <c r="F185">
        <v>6</v>
      </c>
    </row>
    <row r="186" spans="1:6" x14ac:dyDescent="0.25">
      <c r="A186" t="s">
        <v>863</v>
      </c>
      <c r="B186" s="1" t="s">
        <v>871</v>
      </c>
      <c r="D186" t="s">
        <v>69</v>
      </c>
      <c r="E186">
        <v>153.33000000000001</v>
      </c>
      <c r="F186">
        <v>8</v>
      </c>
    </row>
    <row r="187" spans="1:6" x14ac:dyDescent="0.25">
      <c r="A187" t="s">
        <v>936</v>
      </c>
      <c r="B187" s="1" t="s">
        <v>943</v>
      </c>
      <c r="D187" t="s">
        <v>69</v>
      </c>
      <c r="E187">
        <v>71.875</v>
      </c>
      <c r="F187">
        <v>6</v>
      </c>
    </row>
    <row r="188" spans="1:6" x14ac:dyDescent="0.25">
      <c r="A188" t="s">
        <v>936</v>
      </c>
      <c r="B188" s="1" t="s">
        <v>944</v>
      </c>
      <c r="D188" t="s">
        <v>69</v>
      </c>
      <c r="E188">
        <v>67.224999999999994</v>
      </c>
      <c r="F188">
        <v>7</v>
      </c>
    </row>
    <row r="189" spans="1:6" x14ac:dyDescent="0.25">
      <c r="A189" t="s">
        <v>524</v>
      </c>
      <c r="B189" s="1" t="s">
        <v>530</v>
      </c>
      <c r="D189" t="s">
        <v>454</v>
      </c>
      <c r="E189">
        <v>228.3</v>
      </c>
      <c r="F189">
        <v>6</v>
      </c>
    </row>
    <row r="190" spans="1:6" x14ac:dyDescent="0.25">
      <c r="A190" t="s">
        <v>673</v>
      </c>
      <c r="B190" s="1" t="s">
        <v>676</v>
      </c>
      <c r="D190" t="s">
        <v>454</v>
      </c>
      <c r="E190">
        <v>87</v>
      </c>
      <c r="F190">
        <v>3</v>
      </c>
    </row>
    <row r="191" spans="1:6" x14ac:dyDescent="0.25">
      <c r="A191" t="s">
        <v>752</v>
      </c>
      <c r="B191" s="1" t="s">
        <v>106</v>
      </c>
      <c r="C191" t="s">
        <v>757</v>
      </c>
      <c r="D191" t="s">
        <v>454</v>
      </c>
      <c r="E191">
        <v>38</v>
      </c>
      <c r="F191">
        <v>4</v>
      </c>
    </row>
    <row r="192" spans="1:6" x14ac:dyDescent="0.25">
      <c r="A192" t="s">
        <v>948</v>
      </c>
      <c r="B192" s="1" t="s">
        <v>950</v>
      </c>
      <c r="D192" t="s">
        <v>454</v>
      </c>
      <c r="E192">
        <v>80.36</v>
      </c>
      <c r="F192">
        <v>2</v>
      </c>
    </row>
    <row r="193" spans="1:6" x14ac:dyDescent="0.25">
      <c r="A193" t="s">
        <v>355</v>
      </c>
      <c r="B193" s="1" t="s">
        <v>358</v>
      </c>
      <c r="C193" t="s">
        <v>359</v>
      </c>
      <c r="D193" t="s">
        <v>204</v>
      </c>
      <c r="E193">
        <v>92</v>
      </c>
      <c r="F193">
        <v>3</v>
      </c>
    </row>
    <row r="194" spans="1:6" x14ac:dyDescent="0.25">
      <c r="A194" t="s">
        <v>373</v>
      </c>
      <c r="B194" s="1" t="s">
        <v>383</v>
      </c>
      <c r="D194" t="s">
        <v>204</v>
      </c>
      <c r="E194">
        <v>211</v>
      </c>
      <c r="F194">
        <v>10</v>
      </c>
    </row>
    <row r="195" spans="1:6" x14ac:dyDescent="0.25">
      <c r="A195" t="s">
        <v>741</v>
      </c>
      <c r="B195" s="1" t="s">
        <v>654</v>
      </c>
      <c r="C195" t="s">
        <v>747</v>
      </c>
      <c r="D195" t="s">
        <v>204</v>
      </c>
      <c r="E195">
        <v>73</v>
      </c>
      <c r="F195">
        <v>7</v>
      </c>
    </row>
    <row r="196" spans="1:6" x14ac:dyDescent="0.25">
      <c r="A196" t="s">
        <v>765</v>
      </c>
      <c r="B196" s="1" t="s">
        <v>699</v>
      </c>
      <c r="C196" t="s">
        <v>777</v>
      </c>
      <c r="D196" t="s">
        <v>204</v>
      </c>
      <c r="E196">
        <v>81.66</v>
      </c>
      <c r="F196">
        <v>9</v>
      </c>
    </row>
    <row r="197" spans="1:6" x14ac:dyDescent="0.25">
      <c r="A197" t="s">
        <v>863</v>
      </c>
      <c r="B197" s="1" t="s">
        <v>872</v>
      </c>
      <c r="D197" t="s">
        <v>204</v>
      </c>
      <c r="E197">
        <v>150.33000000000001</v>
      </c>
      <c r="F197">
        <v>9</v>
      </c>
    </row>
    <row r="198" spans="1:6" x14ac:dyDescent="0.25">
      <c r="A198" t="s">
        <v>262</v>
      </c>
      <c r="B198" s="1" t="s">
        <v>159</v>
      </c>
      <c r="C198" t="s">
        <v>281</v>
      </c>
      <c r="D198" t="s">
        <v>282</v>
      </c>
      <c r="E198">
        <v>60</v>
      </c>
      <c r="F198">
        <v>9</v>
      </c>
    </row>
    <row r="199" spans="1:6" x14ac:dyDescent="0.25">
      <c r="A199" t="s">
        <v>288</v>
      </c>
      <c r="B199" s="1" t="s">
        <v>179</v>
      </c>
      <c r="C199" t="s">
        <v>298</v>
      </c>
      <c r="D199" t="s">
        <v>282</v>
      </c>
      <c r="E199">
        <v>80</v>
      </c>
      <c r="F199">
        <v>5</v>
      </c>
    </row>
    <row r="200" spans="1:6" x14ac:dyDescent="0.25">
      <c r="A200" t="s">
        <v>335</v>
      </c>
      <c r="B200" s="1" t="s">
        <v>229</v>
      </c>
      <c r="C200" t="s">
        <v>346</v>
      </c>
      <c r="D200" t="s">
        <v>282</v>
      </c>
      <c r="E200">
        <v>60</v>
      </c>
      <c r="F200">
        <v>7</v>
      </c>
    </row>
    <row r="201" spans="1:6" x14ac:dyDescent="0.25">
      <c r="A201" t="s">
        <v>401</v>
      </c>
      <c r="B201" s="1" t="s">
        <v>412</v>
      </c>
      <c r="C201" t="s">
        <v>413</v>
      </c>
      <c r="D201" t="s">
        <v>282</v>
      </c>
      <c r="E201">
        <v>77</v>
      </c>
      <c r="F201">
        <v>6</v>
      </c>
    </row>
    <row r="202" spans="1:6" x14ac:dyDescent="0.25">
      <c r="A202" t="s">
        <v>442</v>
      </c>
      <c r="B202" s="1" t="s">
        <v>444</v>
      </c>
      <c r="D202" t="s">
        <v>282</v>
      </c>
      <c r="E202">
        <v>67.8</v>
      </c>
      <c r="F202">
        <v>2</v>
      </c>
    </row>
    <row r="203" spans="1:6" x14ac:dyDescent="0.25">
      <c r="A203" t="s">
        <v>455</v>
      </c>
      <c r="B203" s="1" t="s">
        <v>459</v>
      </c>
      <c r="D203" t="s">
        <v>282</v>
      </c>
      <c r="E203">
        <v>196.93</v>
      </c>
      <c r="F203">
        <v>4</v>
      </c>
    </row>
    <row r="204" spans="1:6" x14ac:dyDescent="0.25">
      <c r="A204" t="s">
        <v>546</v>
      </c>
      <c r="B204" s="1" t="s">
        <v>90</v>
      </c>
      <c r="C204" t="s">
        <v>547</v>
      </c>
      <c r="D204" t="s">
        <v>282</v>
      </c>
      <c r="E204">
        <v>94</v>
      </c>
      <c r="F204">
        <v>1</v>
      </c>
    </row>
    <row r="205" spans="1:6" x14ac:dyDescent="0.25">
      <c r="A205" t="s">
        <v>700</v>
      </c>
      <c r="B205" s="1" t="s">
        <v>707</v>
      </c>
      <c r="C205" t="s">
        <v>708</v>
      </c>
      <c r="D205" t="s">
        <v>282</v>
      </c>
      <c r="E205">
        <v>57</v>
      </c>
      <c r="F205">
        <v>6</v>
      </c>
    </row>
    <row r="206" spans="1:6" x14ac:dyDescent="0.25">
      <c r="A206" t="s">
        <v>741</v>
      </c>
      <c r="B206" s="1" t="s">
        <v>167</v>
      </c>
      <c r="C206" t="s">
        <v>750</v>
      </c>
      <c r="D206" t="s">
        <v>282</v>
      </c>
      <c r="E206">
        <v>70</v>
      </c>
      <c r="F206">
        <v>9</v>
      </c>
    </row>
    <row r="207" spans="1:6" x14ac:dyDescent="0.25">
      <c r="A207" t="s">
        <v>741</v>
      </c>
      <c r="B207" s="1" t="s">
        <v>243</v>
      </c>
      <c r="C207" t="s">
        <v>751</v>
      </c>
      <c r="D207" t="s">
        <v>282</v>
      </c>
      <c r="E207">
        <v>68</v>
      </c>
      <c r="F207">
        <v>10</v>
      </c>
    </row>
    <row r="208" spans="1:6" x14ac:dyDescent="0.25">
      <c r="A208" t="s">
        <v>792</v>
      </c>
      <c r="B208" s="1" t="s">
        <v>801</v>
      </c>
      <c r="D208" t="s">
        <v>282</v>
      </c>
      <c r="E208">
        <v>69</v>
      </c>
      <c r="F208">
        <v>9</v>
      </c>
    </row>
    <row r="209" spans="1:6" x14ac:dyDescent="0.25">
      <c r="A209" t="s">
        <v>853</v>
      </c>
      <c r="B209" s="1" t="s">
        <v>855</v>
      </c>
      <c r="D209" t="s">
        <v>282</v>
      </c>
      <c r="E209">
        <v>93</v>
      </c>
      <c r="F209">
        <v>2</v>
      </c>
    </row>
    <row r="210" spans="1:6" x14ac:dyDescent="0.25">
      <c r="A210" t="s">
        <v>874</v>
      </c>
      <c r="B210" s="1" t="s">
        <v>881</v>
      </c>
      <c r="C210" t="s">
        <v>485</v>
      </c>
      <c r="D210" t="s">
        <v>282</v>
      </c>
      <c r="E210">
        <v>73</v>
      </c>
      <c r="F210">
        <v>7</v>
      </c>
    </row>
    <row r="211" spans="1:6" x14ac:dyDescent="0.25">
      <c r="A211" t="s">
        <v>93</v>
      </c>
      <c r="B211" s="1" t="s">
        <v>103</v>
      </c>
      <c r="C211" t="s">
        <v>104</v>
      </c>
      <c r="D211" t="s">
        <v>105</v>
      </c>
      <c r="E211">
        <v>61</v>
      </c>
      <c r="F211">
        <v>4</v>
      </c>
    </row>
    <row r="212" spans="1:6" x14ac:dyDescent="0.25">
      <c r="A212" t="s">
        <v>288</v>
      </c>
      <c r="B212" s="1" t="s">
        <v>135</v>
      </c>
      <c r="C212" t="s">
        <v>300</v>
      </c>
      <c r="D212" t="s">
        <v>105</v>
      </c>
      <c r="E212">
        <v>78</v>
      </c>
      <c r="F212">
        <v>7</v>
      </c>
    </row>
    <row r="213" spans="1:6" x14ac:dyDescent="0.25">
      <c r="A213" t="s">
        <v>387</v>
      </c>
      <c r="B213" s="1" t="s">
        <v>388</v>
      </c>
      <c r="D213" t="s">
        <v>105</v>
      </c>
      <c r="E213">
        <v>91.75</v>
      </c>
      <c r="F213">
        <v>1</v>
      </c>
    </row>
    <row r="214" spans="1:6" x14ac:dyDescent="0.25">
      <c r="A214" t="s">
        <v>642</v>
      </c>
      <c r="B214" s="1" t="s">
        <v>239</v>
      </c>
      <c r="C214" t="s">
        <v>644</v>
      </c>
      <c r="D214" t="s">
        <v>105</v>
      </c>
      <c r="E214">
        <v>68</v>
      </c>
      <c r="F214">
        <v>2</v>
      </c>
    </row>
    <row r="215" spans="1:6" x14ac:dyDescent="0.25">
      <c r="A215" t="s">
        <v>841</v>
      </c>
      <c r="B215" s="1" t="s">
        <v>216</v>
      </c>
      <c r="C215" t="s">
        <v>849</v>
      </c>
      <c r="D215" t="s">
        <v>105</v>
      </c>
      <c r="E215">
        <v>34</v>
      </c>
      <c r="F215">
        <v>7</v>
      </c>
    </row>
    <row r="216" spans="1:6" x14ac:dyDescent="0.25">
      <c r="A216" t="s">
        <v>874</v>
      </c>
      <c r="B216" s="1" t="s">
        <v>882</v>
      </c>
      <c r="C216" t="s">
        <v>883</v>
      </c>
      <c r="D216" t="s">
        <v>105</v>
      </c>
      <c r="E216">
        <v>71</v>
      </c>
      <c r="F216">
        <v>8</v>
      </c>
    </row>
    <row r="217" spans="1:6" x14ac:dyDescent="0.25">
      <c r="A217" t="s">
        <v>910</v>
      </c>
      <c r="B217" s="1" t="s">
        <v>407</v>
      </c>
      <c r="C217" t="s">
        <v>924</v>
      </c>
      <c r="D217" t="s">
        <v>105</v>
      </c>
      <c r="E217">
        <v>72.66</v>
      </c>
      <c r="F217">
        <v>9</v>
      </c>
    </row>
    <row r="218" spans="1:6" x14ac:dyDescent="0.25">
      <c r="A218" t="s">
        <v>925</v>
      </c>
      <c r="B218" s="1" t="s">
        <v>935</v>
      </c>
      <c r="D218" t="s">
        <v>105</v>
      </c>
      <c r="E218">
        <v>29</v>
      </c>
      <c r="F218">
        <v>10</v>
      </c>
    </row>
    <row r="219" spans="1:6" x14ac:dyDescent="0.25">
      <c r="A219" t="s">
        <v>959</v>
      </c>
      <c r="B219" s="1" t="s">
        <v>960</v>
      </c>
      <c r="D219" t="s">
        <v>105</v>
      </c>
      <c r="E219">
        <v>81.900000000000006</v>
      </c>
      <c r="F219">
        <v>1</v>
      </c>
    </row>
    <row r="220" spans="1:6" x14ac:dyDescent="0.25">
      <c r="A220" t="s">
        <v>56</v>
      </c>
      <c r="B220" s="1" t="s">
        <v>70</v>
      </c>
      <c r="C220" t="s">
        <v>71</v>
      </c>
      <c r="D220" t="s">
        <v>72</v>
      </c>
      <c r="E220">
        <v>41.5</v>
      </c>
      <c r="F220">
        <v>6</v>
      </c>
    </row>
    <row r="221" spans="1:6" x14ac:dyDescent="0.25">
      <c r="A221" t="s">
        <v>832</v>
      </c>
      <c r="B221" s="1" t="s">
        <v>834</v>
      </c>
      <c r="D221" t="s">
        <v>72</v>
      </c>
      <c r="E221">
        <v>119.25</v>
      </c>
      <c r="F221">
        <v>2</v>
      </c>
    </row>
    <row r="222" spans="1:6" x14ac:dyDescent="0.25">
      <c r="A222" t="s">
        <v>546</v>
      </c>
      <c r="B222" s="1" t="s">
        <v>198</v>
      </c>
      <c r="C222" t="s">
        <v>549</v>
      </c>
      <c r="D222" t="s">
        <v>257</v>
      </c>
      <c r="E222">
        <v>91</v>
      </c>
      <c r="F222">
        <v>3</v>
      </c>
    </row>
    <row r="223" spans="1:6" x14ac:dyDescent="0.25">
      <c r="A223" t="s">
        <v>308</v>
      </c>
      <c r="B223" s="1" t="s">
        <v>311</v>
      </c>
      <c r="D223" t="s">
        <v>126</v>
      </c>
      <c r="E223">
        <v>84.66</v>
      </c>
      <c r="F223">
        <v>3</v>
      </c>
    </row>
    <row r="224" spans="1:6" x14ac:dyDescent="0.25">
      <c r="A224" t="s">
        <v>355</v>
      </c>
      <c r="B224" s="1" t="s">
        <v>183</v>
      </c>
      <c r="C224" t="s">
        <v>287</v>
      </c>
      <c r="D224" t="s">
        <v>126</v>
      </c>
      <c r="E224">
        <v>95</v>
      </c>
      <c r="F224">
        <v>1</v>
      </c>
    </row>
    <row r="225" spans="1:6" x14ac:dyDescent="0.25">
      <c r="A225" t="s">
        <v>355</v>
      </c>
      <c r="B225" s="1" t="s">
        <v>106</v>
      </c>
      <c r="C225" t="s">
        <v>360</v>
      </c>
      <c r="D225" t="s">
        <v>126</v>
      </c>
      <c r="E225">
        <v>92</v>
      </c>
      <c r="F225">
        <v>4</v>
      </c>
    </row>
    <row r="226" spans="1:6" x14ac:dyDescent="0.25">
      <c r="A226" t="s">
        <v>546</v>
      </c>
      <c r="B226" s="1" t="s">
        <v>190</v>
      </c>
      <c r="C226" t="s">
        <v>556</v>
      </c>
      <c r="D226" t="s">
        <v>126</v>
      </c>
      <c r="E226">
        <v>82</v>
      </c>
      <c r="F226">
        <v>8</v>
      </c>
    </row>
    <row r="227" spans="1:6" x14ac:dyDescent="0.25">
      <c r="A227" t="s">
        <v>630</v>
      </c>
      <c r="B227" s="1" t="s">
        <v>635</v>
      </c>
      <c r="D227" t="s">
        <v>126</v>
      </c>
      <c r="E227">
        <v>72.75</v>
      </c>
      <c r="F227">
        <v>5</v>
      </c>
    </row>
    <row r="228" spans="1:6" x14ac:dyDescent="0.25">
      <c r="A228" t="s">
        <v>630</v>
      </c>
      <c r="B228" s="1" t="s">
        <v>636</v>
      </c>
      <c r="D228" t="s">
        <v>126</v>
      </c>
      <c r="E228">
        <v>70.75</v>
      </c>
      <c r="F228">
        <v>6</v>
      </c>
    </row>
    <row r="229" spans="1:6" x14ac:dyDescent="0.25">
      <c r="A229" t="s">
        <v>673</v>
      </c>
      <c r="B229" s="1" t="s">
        <v>677</v>
      </c>
      <c r="D229" t="s">
        <v>126</v>
      </c>
      <c r="E229">
        <v>86.3</v>
      </c>
      <c r="F229">
        <v>4</v>
      </c>
    </row>
    <row r="230" spans="1:6" x14ac:dyDescent="0.25">
      <c r="A230" t="s">
        <v>827</v>
      </c>
      <c r="B230" s="1" t="s">
        <v>831</v>
      </c>
      <c r="D230" t="s">
        <v>126</v>
      </c>
      <c r="E230">
        <v>24.7</v>
      </c>
      <c r="F230">
        <v>4</v>
      </c>
    </row>
    <row r="231" spans="1:6" x14ac:dyDescent="0.25">
      <c r="A231" t="s">
        <v>959</v>
      </c>
      <c r="B231" s="1" t="s">
        <v>962</v>
      </c>
      <c r="D231" t="s">
        <v>126</v>
      </c>
      <c r="E231">
        <v>55.8</v>
      </c>
      <c r="F231">
        <v>3</v>
      </c>
    </row>
    <row r="232" spans="1:6" x14ac:dyDescent="0.25">
      <c r="A232" t="s">
        <v>959</v>
      </c>
      <c r="B232" s="1" t="s">
        <v>968</v>
      </c>
      <c r="D232" t="s">
        <v>126</v>
      </c>
      <c r="E232">
        <v>44.7</v>
      </c>
      <c r="F232">
        <v>9</v>
      </c>
    </row>
    <row r="233" spans="1:6" x14ac:dyDescent="0.25">
      <c r="A233" t="s">
        <v>93</v>
      </c>
      <c r="B233" s="1" t="s">
        <v>112</v>
      </c>
      <c r="C233" t="s">
        <v>113</v>
      </c>
      <c r="D233" t="s">
        <v>114</v>
      </c>
      <c r="E233">
        <v>58</v>
      </c>
      <c r="F233">
        <v>7</v>
      </c>
    </row>
    <row r="234" spans="1:6" x14ac:dyDescent="0.25">
      <c r="A234" t="s">
        <v>145</v>
      </c>
      <c r="B234" s="1" t="s">
        <v>146</v>
      </c>
      <c r="D234" t="s">
        <v>114</v>
      </c>
      <c r="E234">
        <v>186.3</v>
      </c>
      <c r="F234">
        <v>1</v>
      </c>
    </row>
    <row r="235" spans="1:6" x14ac:dyDescent="0.25">
      <c r="A235" t="s">
        <v>288</v>
      </c>
      <c r="B235" s="1" t="s">
        <v>195</v>
      </c>
      <c r="C235" t="s">
        <v>196</v>
      </c>
      <c r="D235" t="s">
        <v>114</v>
      </c>
      <c r="E235">
        <v>77</v>
      </c>
      <c r="F235">
        <v>10</v>
      </c>
    </row>
    <row r="236" spans="1:6" x14ac:dyDescent="0.25">
      <c r="A236" t="s">
        <v>308</v>
      </c>
      <c r="B236" s="1" t="s">
        <v>314</v>
      </c>
      <c r="D236" t="s">
        <v>114</v>
      </c>
      <c r="E236">
        <v>75.5</v>
      </c>
      <c r="F236">
        <v>6</v>
      </c>
    </row>
    <row r="237" spans="1:6" x14ac:dyDescent="0.25">
      <c r="A237" t="s">
        <v>323</v>
      </c>
      <c r="B237" s="1" t="s">
        <v>326</v>
      </c>
      <c r="D237" t="s">
        <v>114</v>
      </c>
      <c r="E237">
        <v>236.5</v>
      </c>
      <c r="F237">
        <v>3</v>
      </c>
    </row>
    <row r="238" spans="1:6" x14ac:dyDescent="0.25">
      <c r="A238" t="s">
        <v>323</v>
      </c>
      <c r="B238" s="1" t="s">
        <v>329</v>
      </c>
      <c r="D238" t="s">
        <v>114</v>
      </c>
      <c r="E238">
        <v>217.5</v>
      </c>
      <c r="F238">
        <v>6</v>
      </c>
    </row>
    <row r="239" spans="1:6" x14ac:dyDescent="0.25">
      <c r="A239" t="s">
        <v>323</v>
      </c>
      <c r="B239" s="1" t="s">
        <v>331</v>
      </c>
      <c r="D239" t="s">
        <v>114</v>
      </c>
      <c r="E239">
        <v>203</v>
      </c>
      <c r="F239">
        <v>8</v>
      </c>
    </row>
    <row r="240" spans="1:6" x14ac:dyDescent="0.25">
      <c r="A240" t="s">
        <v>335</v>
      </c>
      <c r="B240" s="1" t="s">
        <v>164</v>
      </c>
      <c r="C240" t="s">
        <v>347</v>
      </c>
      <c r="D240" t="s">
        <v>114</v>
      </c>
      <c r="E240">
        <v>58</v>
      </c>
      <c r="F240">
        <v>8</v>
      </c>
    </row>
    <row r="241" spans="1:6" x14ac:dyDescent="0.25">
      <c r="A241" t="s">
        <v>373</v>
      </c>
      <c r="B241" s="1" t="s">
        <v>376</v>
      </c>
      <c r="D241" t="s">
        <v>114</v>
      </c>
      <c r="E241">
        <v>249</v>
      </c>
      <c r="F241">
        <v>3</v>
      </c>
    </row>
    <row r="242" spans="1:6" x14ac:dyDescent="0.25">
      <c r="A242" t="s">
        <v>373</v>
      </c>
      <c r="B242" s="1" t="s">
        <v>380</v>
      </c>
      <c r="D242" t="s">
        <v>114</v>
      </c>
      <c r="E242">
        <v>238</v>
      </c>
      <c r="F242">
        <v>7</v>
      </c>
    </row>
    <row r="243" spans="1:6" x14ac:dyDescent="0.25">
      <c r="A243" t="s">
        <v>373</v>
      </c>
      <c r="B243" s="1" t="s">
        <v>381</v>
      </c>
      <c r="D243" t="s">
        <v>114</v>
      </c>
      <c r="E243">
        <v>229.5</v>
      </c>
      <c r="F243">
        <v>8</v>
      </c>
    </row>
    <row r="244" spans="1:6" x14ac:dyDescent="0.25">
      <c r="A244" t="s">
        <v>430</v>
      </c>
      <c r="B244" s="1" t="s">
        <v>431</v>
      </c>
      <c r="D244" t="s">
        <v>114</v>
      </c>
      <c r="E244">
        <v>188</v>
      </c>
      <c r="F244">
        <v>1</v>
      </c>
    </row>
    <row r="245" spans="1:6" x14ac:dyDescent="0.25">
      <c r="A245" t="s">
        <v>455</v>
      </c>
      <c r="B245" s="1" t="s">
        <v>456</v>
      </c>
      <c r="D245" t="s">
        <v>114</v>
      </c>
      <c r="E245">
        <v>232.97</v>
      </c>
      <c r="F245">
        <v>1</v>
      </c>
    </row>
    <row r="246" spans="1:6" x14ac:dyDescent="0.25">
      <c r="A246" t="s">
        <v>475</v>
      </c>
      <c r="B246" s="1" t="s">
        <v>486</v>
      </c>
      <c r="C246" t="s">
        <v>487</v>
      </c>
      <c r="D246" t="s">
        <v>114</v>
      </c>
      <c r="E246">
        <v>46</v>
      </c>
      <c r="F246">
        <v>10</v>
      </c>
    </row>
    <row r="247" spans="1:6" x14ac:dyDescent="0.25">
      <c r="A247" t="s">
        <v>559</v>
      </c>
      <c r="B247" s="1" t="s">
        <v>570</v>
      </c>
      <c r="C247" t="s">
        <v>571</v>
      </c>
      <c r="D247" t="s">
        <v>114</v>
      </c>
      <c r="E247">
        <v>56</v>
      </c>
      <c r="F247">
        <v>8</v>
      </c>
    </row>
    <row r="248" spans="1:6" x14ac:dyDescent="0.25">
      <c r="A248" t="s">
        <v>601</v>
      </c>
      <c r="B248" s="1" t="s">
        <v>225</v>
      </c>
      <c r="C248" t="s">
        <v>602</v>
      </c>
      <c r="D248" t="s">
        <v>114</v>
      </c>
      <c r="E248">
        <v>43</v>
      </c>
      <c r="F248">
        <v>1</v>
      </c>
    </row>
    <row r="249" spans="1:6" x14ac:dyDescent="0.25">
      <c r="A249" t="s">
        <v>752</v>
      </c>
      <c r="B249" s="1" t="s">
        <v>223</v>
      </c>
      <c r="C249" t="s">
        <v>132</v>
      </c>
      <c r="D249" t="s">
        <v>114</v>
      </c>
      <c r="E249">
        <v>46</v>
      </c>
      <c r="F249">
        <v>1</v>
      </c>
    </row>
    <row r="250" spans="1:6" x14ac:dyDescent="0.25">
      <c r="A250" t="s">
        <v>752</v>
      </c>
      <c r="B250" s="1" t="s">
        <v>753</v>
      </c>
      <c r="C250" t="s">
        <v>754</v>
      </c>
      <c r="D250" t="s">
        <v>114</v>
      </c>
      <c r="E250">
        <v>40</v>
      </c>
      <c r="F250">
        <v>2</v>
      </c>
    </row>
    <row r="251" spans="1:6" x14ac:dyDescent="0.25">
      <c r="A251" t="s">
        <v>752</v>
      </c>
      <c r="B251" s="1" t="s">
        <v>760</v>
      </c>
      <c r="C251" t="s">
        <v>113</v>
      </c>
      <c r="D251" t="s">
        <v>114</v>
      </c>
      <c r="E251">
        <v>38</v>
      </c>
      <c r="F251">
        <v>6</v>
      </c>
    </row>
    <row r="252" spans="1:6" x14ac:dyDescent="0.25">
      <c r="A252" t="s">
        <v>262</v>
      </c>
      <c r="B252" s="1" t="s">
        <v>269</v>
      </c>
      <c r="C252" t="s">
        <v>270</v>
      </c>
      <c r="D252" t="s">
        <v>271</v>
      </c>
      <c r="E252">
        <v>62</v>
      </c>
      <c r="F252">
        <v>4</v>
      </c>
    </row>
    <row r="253" spans="1:6" x14ac:dyDescent="0.25">
      <c r="A253" t="s">
        <v>832</v>
      </c>
      <c r="B253" s="1" t="s">
        <v>839</v>
      </c>
      <c r="D253" t="s">
        <v>271</v>
      </c>
      <c r="E253">
        <v>26</v>
      </c>
      <c r="F253">
        <v>7</v>
      </c>
    </row>
    <row r="254" spans="1:6" x14ac:dyDescent="0.25">
      <c r="A254" t="s">
        <v>546</v>
      </c>
      <c r="B254" s="1" t="s">
        <v>548</v>
      </c>
      <c r="C254" t="s">
        <v>217</v>
      </c>
      <c r="D254" t="s">
        <v>234</v>
      </c>
      <c r="E254">
        <v>93</v>
      </c>
      <c r="F254">
        <v>2</v>
      </c>
    </row>
    <row r="255" spans="1:6" x14ac:dyDescent="0.25">
      <c r="A255" t="s">
        <v>630</v>
      </c>
      <c r="B255" s="1" t="s">
        <v>631</v>
      </c>
      <c r="D255" t="s">
        <v>234</v>
      </c>
      <c r="E255">
        <v>78</v>
      </c>
      <c r="F255">
        <v>1</v>
      </c>
    </row>
    <row r="256" spans="1:6" x14ac:dyDescent="0.25">
      <c r="A256" t="s">
        <v>656</v>
      </c>
      <c r="B256" s="1" t="s">
        <v>124</v>
      </c>
      <c r="C256" t="s">
        <v>668</v>
      </c>
      <c r="D256" t="s">
        <v>234</v>
      </c>
      <c r="E256">
        <v>74.33</v>
      </c>
      <c r="F256">
        <v>8</v>
      </c>
    </row>
    <row r="257" spans="1:6" x14ac:dyDescent="0.25">
      <c r="A257" t="s">
        <v>455</v>
      </c>
      <c r="B257" s="1" t="s">
        <v>461</v>
      </c>
      <c r="D257" t="s">
        <v>462</v>
      </c>
      <c r="E257">
        <v>181</v>
      </c>
      <c r="F257">
        <v>6</v>
      </c>
    </row>
    <row r="258" spans="1:6" x14ac:dyDescent="0.25">
      <c r="A258" t="s">
        <v>455</v>
      </c>
      <c r="B258" s="1" t="s">
        <v>464</v>
      </c>
      <c r="D258" t="s">
        <v>462</v>
      </c>
      <c r="E258">
        <v>149.66999999999999</v>
      </c>
      <c r="F258">
        <v>8</v>
      </c>
    </row>
    <row r="259" spans="1:6" x14ac:dyDescent="0.25">
      <c r="A259" t="s">
        <v>765</v>
      </c>
      <c r="B259" s="1" t="s">
        <v>213</v>
      </c>
      <c r="C259" t="s">
        <v>771</v>
      </c>
      <c r="D259" t="s">
        <v>772</v>
      </c>
      <c r="E259">
        <v>90.5</v>
      </c>
      <c r="F259">
        <v>5</v>
      </c>
    </row>
    <row r="260" spans="1:6" x14ac:dyDescent="0.25">
      <c r="A260" t="s">
        <v>513</v>
      </c>
      <c r="B260" s="1" t="s">
        <v>523</v>
      </c>
      <c r="D260" t="s">
        <v>142</v>
      </c>
      <c r="E260">
        <v>144</v>
      </c>
      <c r="F260">
        <v>10</v>
      </c>
    </row>
    <row r="261" spans="1:6" x14ac:dyDescent="0.25">
      <c r="A261" t="s">
        <v>601</v>
      </c>
      <c r="B261" s="1" t="s">
        <v>613</v>
      </c>
      <c r="C261" t="s">
        <v>614</v>
      </c>
      <c r="D261" t="s">
        <v>142</v>
      </c>
      <c r="E261">
        <v>33</v>
      </c>
      <c r="F261">
        <v>10</v>
      </c>
    </row>
    <row r="262" spans="1:6" x14ac:dyDescent="0.25">
      <c r="A262" t="s">
        <v>752</v>
      </c>
      <c r="B262" s="1" t="s">
        <v>216</v>
      </c>
      <c r="C262" t="s">
        <v>764</v>
      </c>
      <c r="D262" t="s">
        <v>142</v>
      </c>
      <c r="E262">
        <v>32</v>
      </c>
      <c r="F262">
        <v>10</v>
      </c>
    </row>
    <row r="263" spans="1:6" x14ac:dyDescent="0.25">
      <c r="A263" t="s">
        <v>145</v>
      </c>
      <c r="B263" s="1" t="s">
        <v>152</v>
      </c>
      <c r="D263" t="s">
        <v>89</v>
      </c>
      <c r="E263">
        <v>107.8</v>
      </c>
      <c r="F263">
        <v>7</v>
      </c>
    </row>
    <row r="264" spans="1:6" x14ac:dyDescent="0.25">
      <c r="A264" t="s">
        <v>401</v>
      </c>
      <c r="B264" s="1" t="s">
        <v>188</v>
      </c>
      <c r="C264" t="s">
        <v>189</v>
      </c>
      <c r="D264" t="s">
        <v>89</v>
      </c>
      <c r="E264">
        <v>76</v>
      </c>
      <c r="F264">
        <v>9</v>
      </c>
    </row>
    <row r="265" spans="1:6" x14ac:dyDescent="0.25">
      <c r="A265" t="s">
        <v>401</v>
      </c>
      <c r="B265" s="1" t="s">
        <v>190</v>
      </c>
      <c r="C265" t="s">
        <v>191</v>
      </c>
      <c r="D265" t="s">
        <v>89</v>
      </c>
      <c r="E265">
        <v>76</v>
      </c>
      <c r="F265">
        <v>10</v>
      </c>
    </row>
    <row r="266" spans="1:6" x14ac:dyDescent="0.25">
      <c r="A266" t="s">
        <v>502</v>
      </c>
      <c r="B266" s="1" t="s">
        <v>511</v>
      </c>
      <c r="D266" t="s">
        <v>89</v>
      </c>
      <c r="E266">
        <v>67.849999999999994</v>
      </c>
      <c r="F266">
        <v>9</v>
      </c>
    </row>
    <row r="267" spans="1:6" x14ac:dyDescent="0.25">
      <c r="A267" t="s">
        <v>841</v>
      </c>
      <c r="B267" s="1" t="s">
        <v>850</v>
      </c>
      <c r="C267" t="s">
        <v>231</v>
      </c>
      <c r="D267" t="s">
        <v>89</v>
      </c>
      <c r="E267">
        <v>33</v>
      </c>
      <c r="F267">
        <v>8</v>
      </c>
    </row>
    <row r="268" spans="1:6" x14ac:dyDescent="0.25">
      <c r="A268" t="s">
        <v>781</v>
      </c>
      <c r="B268" s="1" t="s">
        <v>782</v>
      </c>
      <c r="D268" t="s">
        <v>372</v>
      </c>
      <c r="E268">
        <v>93.66</v>
      </c>
      <c r="F268">
        <v>1</v>
      </c>
    </row>
    <row r="269" spans="1:6" x14ac:dyDescent="0.25">
      <c r="A269" t="s">
        <v>841</v>
      </c>
      <c r="B269" s="1" t="s">
        <v>846</v>
      </c>
      <c r="C269" t="s">
        <v>847</v>
      </c>
      <c r="D269" t="s">
        <v>372</v>
      </c>
      <c r="E269">
        <v>36</v>
      </c>
      <c r="F269">
        <v>5</v>
      </c>
    </row>
    <row r="270" spans="1:6" x14ac:dyDescent="0.25">
      <c r="A270" t="s">
        <v>863</v>
      </c>
      <c r="B270" s="1" t="s">
        <v>864</v>
      </c>
      <c r="D270" t="s">
        <v>372</v>
      </c>
      <c r="E270">
        <v>171</v>
      </c>
      <c r="F270">
        <v>1</v>
      </c>
    </row>
    <row r="271" spans="1:6" x14ac:dyDescent="0.25">
      <c r="A271" t="s">
        <v>897</v>
      </c>
      <c r="B271" s="1" t="s">
        <v>898</v>
      </c>
      <c r="C271" t="s">
        <v>899</v>
      </c>
      <c r="D271" t="s">
        <v>826</v>
      </c>
      <c r="E271">
        <v>96</v>
      </c>
      <c r="F271">
        <v>1</v>
      </c>
    </row>
    <row r="272" spans="1:6" x14ac:dyDescent="0.25">
      <c r="A272" t="s">
        <v>262</v>
      </c>
      <c r="B272" s="1" t="s">
        <v>12</v>
      </c>
      <c r="C272" t="s">
        <v>276</v>
      </c>
      <c r="D272" t="s">
        <v>277</v>
      </c>
      <c r="E272">
        <v>60</v>
      </c>
      <c r="F272">
        <v>7</v>
      </c>
    </row>
    <row r="273" spans="1:6" x14ac:dyDescent="0.25">
      <c r="A273" t="s">
        <v>308</v>
      </c>
      <c r="B273" s="1" t="s">
        <v>316</v>
      </c>
      <c r="D273" t="s">
        <v>277</v>
      </c>
      <c r="E273">
        <v>67.33</v>
      </c>
      <c r="F273">
        <v>8</v>
      </c>
    </row>
    <row r="274" spans="1:6" x14ac:dyDescent="0.25">
      <c r="A274" t="s">
        <v>355</v>
      </c>
      <c r="B274" s="1" t="s">
        <v>356</v>
      </c>
      <c r="C274" t="s">
        <v>357</v>
      </c>
      <c r="D274" t="s">
        <v>277</v>
      </c>
      <c r="E274">
        <v>93</v>
      </c>
      <c r="F274">
        <v>2</v>
      </c>
    </row>
    <row r="275" spans="1:6" x14ac:dyDescent="0.25">
      <c r="A275" t="s">
        <v>502</v>
      </c>
      <c r="B275" s="1" t="s">
        <v>504</v>
      </c>
      <c r="D275" t="s">
        <v>173</v>
      </c>
      <c r="E275">
        <v>80.8</v>
      </c>
      <c r="F275">
        <v>2</v>
      </c>
    </row>
    <row r="276" spans="1:6" x14ac:dyDescent="0.25">
      <c r="A276" t="s">
        <v>601</v>
      </c>
      <c r="B276" s="1" t="s">
        <v>174</v>
      </c>
      <c r="C276" t="s">
        <v>175</v>
      </c>
      <c r="D276" t="s">
        <v>173</v>
      </c>
      <c r="E276">
        <v>33</v>
      </c>
      <c r="F276">
        <v>9</v>
      </c>
    </row>
    <row r="277" spans="1:6" x14ac:dyDescent="0.25">
      <c r="A277" t="s">
        <v>731</v>
      </c>
      <c r="B277" s="1" t="s">
        <v>221</v>
      </c>
      <c r="C277" t="s">
        <v>222</v>
      </c>
      <c r="D277" t="s">
        <v>173</v>
      </c>
      <c r="E277">
        <v>76</v>
      </c>
      <c r="F277">
        <v>9</v>
      </c>
    </row>
    <row r="278" spans="1:6" x14ac:dyDescent="0.25">
      <c r="A278" t="s">
        <v>93</v>
      </c>
      <c r="B278" s="1" t="s">
        <v>94</v>
      </c>
      <c r="C278" t="s">
        <v>95</v>
      </c>
      <c r="D278" t="s">
        <v>96</v>
      </c>
      <c r="E278">
        <v>72</v>
      </c>
      <c r="F278">
        <v>1</v>
      </c>
    </row>
    <row r="279" spans="1:6" x14ac:dyDescent="0.25">
      <c r="A279" t="s">
        <v>853</v>
      </c>
      <c r="B279" s="1" t="s">
        <v>856</v>
      </c>
      <c r="D279" t="s">
        <v>96</v>
      </c>
      <c r="E279">
        <v>92.5</v>
      </c>
      <c r="F279">
        <v>3</v>
      </c>
    </row>
    <row r="280" spans="1:6" x14ac:dyDescent="0.25">
      <c r="A280" t="s">
        <v>897</v>
      </c>
      <c r="B280" s="1" t="s">
        <v>753</v>
      </c>
      <c r="C280" t="s">
        <v>909</v>
      </c>
      <c r="D280" t="s">
        <v>96</v>
      </c>
      <c r="E280">
        <v>73.5</v>
      </c>
      <c r="F280">
        <v>9</v>
      </c>
    </row>
    <row r="281" spans="1:6" x14ac:dyDescent="0.25">
      <c r="A281" t="s">
        <v>308</v>
      </c>
      <c r="B281" s="1" t="s">
        <v>317</v>
      </c>
      <c r="D281" t="s">
        <v>48</v>
      </c>
      <c r="E281">
        <v>64.5</v>
      </c>
      <c r="F281">
        <v>9</v>
      </c>
    </row>
    <row r="282" spans="1:6" x14ac:dyDescent="0.25">
      <c r="A282" t="s">
        <v>601</v>
      </c>
      <c r="B282" s="1" t="s">
        <v>167</v>
      </c>
      <c r="C282" t="s">
        <v>168</v>
      </c>
      <c r="D282" t="s">
        <v>48</v>
      </c>
      <c r="E282">
        <v>42</v>
      </c>
      <c r="F282">
        <v>2</v>
      </c>
    </row>
    <row r="283" spans="1:6" x14ac:dyDescent="0.25">
      <c r="A283" t="s">
        <v>832</v>
      </c>
      <c r="B283" s="1" t="s">
        <v>835</v>
      </c>
      <c r="D283" t="s">
        <v>489</v>
      </c>
      <c r="E283">
        <v>96</v>
      </c>
      <c r="F283">
        <v>3</v>
      </c>
    </row>
    <row r="284" spans="1:6" x14ac:dyDescent="0.25">
      <c r="A284" t="s">
        <v>417</v>
      </c>
      <c r="B284" s="1" t="s">
        <v>237</v>
      </c>
      <c r="C284" t="s">
        <v>238</v>
      </c>
      <c r="D284" t="s">
        <v>157</v>
      </c>
      <c r="E284">
        <v>64.5</v>
      </c>
      <c r="F284">
        <v>6</v>
      </c>
    </row>
    <row r="285" spans="1:6" x14ac:dyDescent="0.25">
      <c r="A285" t="s">
        <v>886</v>
      </c>
      <c r="B285" s="1" t="s">
        <v>896</v>
      </c>
      <c r="D285" t="s">
        <v>157</v>
      </c>
      <c r="E285">
        <v>123.5</v>
      </c>
      <c r="F285">
        <v>10</v>
      </c>
    </row>
    <row r="286" spans="1:6" x14ac:dyDescent="0.25">
      <c r="A286" t="s">
        <v>288</v>
      </c>
      <c r="B286" s="1" t="s">
        <v>303</v>
      </c>
      <c r="C286" t="s">
        <v>304</v>
      </c>
      <c r="D286" t="s">
        <v>178</v>
      </c>
      <c r="E286">
        <v>77</v>
      </c>
      <c r="F286">
        <v>9</v>
      </c>
    </row>
    <row r="287" spans="1:6" x14ac:dyDescent="0.25">
      <c r="A287" t="s">
        <v>387</v>
      </c>
      <c r="B287" s="1" t="s">
        <v>391</v>
      </c>
      <c r="D287" t="s">
        <v>178</v>
      </c>
      <c r="E287">
        <v>86.25</v>
      </c>
      <c r="F287">
        <v>4</v>
      </c>
    </row>
    <row r="288" spans="1:6" x14ac:dyDescent="0.25">
      <c r="A288" t="s">
        <v>417</v>
      </c>
      <c r="B288" s="1" t="s">
        <v>176</v>
      </c>
      <c r="C288" t="s">
        <v>177</v>
      </c>
      <c r="D288" t="s">
        <v>178</v>
      </c>
      <c r="E288">
        <v>72.5</v>
      </c>
      <c r="F288">
        <v>4</v>
      </c>
    </row>
    <row r="289" spans="1:6" x14ac:dyDescent="0.25">
      <c r="A289" t="s">
        <v>630</v>
      </c>
      <c r="B289" s="1" t="s">
        <v>634</v>
      </c>
      <c r="D289" t="s">
        <v>178</v>
      </c>
      <c r="E289">
        <v>74.75</v>
      </c>
      <c r="F289">
        <v>4</v>
      </c>
    </row>
    <row r="290" spans="1:6" x14ac:dyDescent="0.25">
      <c r="A290" t="s">
        <v>910</v>
      </c>
      <c r="B290" s="1" t="s">
        <v>303</v>
      </c>
      <c r="C290" t="s">
        <v>917</v>
      </c>
      <c r="D290" t="s">
        <v>178</v>
      </c>
      <c r="E290">
        <v>83.66</v>
      </c>
      <c r="F290">
        <v>5</v>
      </c>
    </row>
    <row r="291" spans="1:6" x14ac:dyDescent="0.25">
      <c r="A291" t="s">
        <v>588</v>
      </c>
      <c r="B291" s="1" t="s">
        <v>598</v>
      </c>
      <c r="D291" t="s">
        <v>599</v>
      </c>
      <c r="E291">
        <v>43.3</v>
      </c>
      <c r="F291">
        <v>9</v>
      </c>
    </row>
    <row r="292" spans="1:6" x14ac:dyDescent="0.25">
      <c r="A292" t="s">
        <v>546</v>
      </c>
      <c r="B292" s="1" t="s">
        <v>553</v>
      </c>
      <c r="C292" t="s">
        <v>554</v>
      </c>
      <c r="D292" t="s">
        <v>555</v>
      </c>
      <c r="E292">
        <v>84</v>
      </c>
      <c r="F292">
        <v>6</v>
      </c>
    </row>
    <row r="293" spans="1:6" x14ac:dyDescent="0.25">
      <c r="A293" t="s">
        <v>815</v>
      </c>
      <c r="B293" s="1" t="s">
        <v>825</v>
      </c>
      <c r="D293" t="s">
        <v>555</v>
      </c>
      <c r="E293">
        <v>55</v>
      </c>
      <c r="F293">
        <v>10</v>
      </c>
    </row>
    <row r="294" spans="1:6" x14ac:dyDescent="0.25">
      <c r="A294" t="s">
        <v>56</v>
      </c>
      <c r="B294" s="1" t="s">
        <v>64</v>
      </c>
      <c r="C294" t="s">
        <v>65</v>
      </c>
      <c r="D294" t="s">
        <v>66</v>
      </c>
      <c r="E294">
        <v>50.5</v>
      </c>
      <c r="F294">
        <v>4</v>
      </c>
    </row>
    <row r="295" spans="1:6" x14ac:dyDescent="0.25">
      <c r="A295" t="s">
        <v>56</v>
      </c>
      <c r="B295" s="1" t="s">
        <v>76</v>
      </c>
      <c r="C295" t="s">
        <v>77</v>
      </c>
      <c r="D295" t="s">
        <v>66</v>
      </c>
      <c r="E295">
        <v>35.5</v>
      </c>
      <c r="F295">
        <v>8</v>
      </c>
    </row>
    <row r="296" spans="1:6" x14ac:dyDescent="0.25">
      <c r="A296" t="s">
        <v>467</v>
      </c>
      <c r="B296" s="1" t="s">
        <v>182</v>
      </c>
      <c r="C296" t="s">
        <v>300</v>
      </c>
      <c r="D296" t="s">
        <v>66</v>
      </c>
      <c r="E296">
        <v>68</v>
      </c>
      <c r="F296">
        <v>6</v>
      </c>
    </row>
    <row r="297" spans="1:6" x14ac:dyDescent="0.25">
      <c r="A297" t="s">
        <v>588</v>
      </c>
      <c r="B297" s="1" t="s">
        <v>593</v>
      </c>
      <c r="D297" t="s">
        <v>66</v>
      </c>
      <c r="E297">
        <v>57</v>
      </c>
      <c r="F297">
        <v>4</v>
      </c>
    </row>
    <row r="298" spans="1:6" x14ac:dyDescent="0.25">
      <c r="A298" t="s">
        <v>630</v>
      </c>
      <c r="B298" s="1" t="s">
        <v>640</v>
      </c>
      <c r="D298" t="s">
        <v>66</v>
      </c>
      <c r="E298">
        <v>46.75</v>
      </c>
      <c r="F298">
        <v>9</v>
      </c>
    </row>
    <row r="299" spans="1:6" x14ac:dyDescent="0.25">
      <c r="A299" t="s">
        <v>717</v>
      </c>
      <c r="B299" s="1" t="s">
        <v>484</v>
      </c>
      <c r="C299" t="s">
        <v>130</v>
      </c>
      <c r="D299" t="s">
        <v>66</v>
      </c>
      <c r="E299">
        <v>64</v>
      </c>
      <c r="F299">
        <v>8</v>
      </c>
    </row>
    <row r="300" spans="1:6" x14ac:dyDescent="0.25">
      <c r="A300" t="s">
        <v>717</v>
      </c>
      <c r="B300" s="1" t="s">
        <v>729</v>
      </c>
      <c r="C300" t="s">
        <v>730</v>
      </c>
      <c r="D300" t="s">
        <v>66</v>
      </c>
      <c r="E300">
        <v>61</v>
      </c>
      <c r="F300">
        <v>10</v>
      </c>
    </row>
    <row r="301" spans="1:6" x14ac:dyDescent="0.25">
      <c r="A301" t="s">
        <v>741</v>
      </c>
      <c r="B301" s="1" t="s">
        <v>90</v>
      </c>
      <c r="C301" t="s">
        <v>742</v>
      </c>
      <c r="D301" t="s">
        <v>66</v>
      </c>
      <c r="E301">
        <v>82</v>
      </c>
      <c r="F301">
        <v>1</v>
      </c>
    </row>
    <row r="302" spans="1:6" x14ac:dyDescent="0.25">
      <c r="A302" t="s">
        <v>417</v>
      </c>
      <c r="B302" s="1" t="s">
        <v>219</v>
      </c>
      <c r="C302" t="s">
        <v>422</v>
      </c>
      <c r="D302" t="s">
        <v>386</v>
      </c>
      <c r="E302">
        <v>64.75</v>
      </c>
      <c r="F302">
        <v>5</v>
      </c>
    </row>
    <row r="303" spans="1:6" x14ac:dyDescent="0.25">
      <c r="A303" t="s">
        <v>442</v>
      </c>
      <c r="B303" s="1" t="s">
        <v>443</v>
      </c>
      <c r="D303" t="s">
        <v>386</v>
      </c>
      <c r="E303">
        <v>70.05</v>
      </c>
      <c r="F303">
        <v>1</v>
      </c>
    </row>
    <row r="304" spans="1:6" x14ac:dyDescent="0.25">
      <c r="A304" t="s">
        <v>442</v>
      </c>
      <c r="B304" s="1" t="s">
        <v>447</v>
      </c>
      <c r="D304" t="s">
        <v>386</v>
      </c>
      <c r="E304">
        <v>61.9</v>
      </c>
      <c r="F304">
        <v>5</v>
      </c>
    </row>
    <row r="305" spans="1:6" x14ac:dyDescent="0.25">
      <c r="A305" t="s">
        <v>524</v>
      </c>
      <c r="B305" s="1" t="s">
        <v>533</v>
      </c>
      <c r="D305" t="s">
        <v>386</v>
      </c>
      <c r="E305">
        <v>216.5</v>
      </c>
      <c r="F305">
        <v>9</v>
      </c>
    </row>
    <row r="306" spans="1:6" x14ac:dyDescent="0.25">
      <c r="A306" t="s">
        <v>559</v>
      </c>
      <c r="B306" s="1" t="s">
        <v>563</v>
      </c>
      <c r="C306" t="s">
        <v>79</v>
      </c>
      <c r="D306" t="s">
        <v>386</v>
      </c>
      <c r="E306">
        <v>75.33</v>
      </c>
      <c r="F306">
        <v>2</v>
      </c>
    </row>
    <row r="307" spans="1:6" x14ac:dyDescent="0.25">
      <c r="A307" t="s">
        <v>615</v>
      </c>
      <c r="B307" s="1" t="s">
        <v>621</v>
      </c>
      <c r="C307" t="s">
        <v>622</v>
      </c>
      <c r="D307" t="s">
        <v>386</v>
      </c>
      <c r="E307">
        <v>130.6</v>
      </c>
      <c r="F307">
        <v>5</v>
      </c>
    </row>
    <row r="308" spans="1:6" x14ac:dyDescent="0.25">
      <c r="A308" t="s">
        <v>765</v>
      </c>
      <c r="B308" s="1" t="s">
        <v>143</v>
      </c>
      <c r="C308" t="s">
        <v>773</v>
      </c>
      <c r="D308" t="s">
        <v>386</v>
      </c>
      <c r="E308">
        <v>90.25</v>
      </c>
      <c r="F308">
        <v>6</v>
      </c>
    </row>
    <row r="309" spans="1:6" x14ac:dyDescent="0.25">
      <c r="A309" t="s">
        <v>853</v>
      </c>
      <c r="B309" s="1" t="s">
        <v>858</v>
      </c>
      <c r="D309" t="s">
        <v>386</v>
      </c>
      <c r="E309">
        <v>90</v>
      </c>
      <c r="F309">
        <v>5</v>
      </c>
    </row>
    <row r="310" spans="1:6" x14ac:dyDescent="0.25">
      <c r="A310" t="s">
        <v>897</v>
      </c>
      <c r="B310" s="1" t="s">
        <v>905</v>
      </c>
      <c r="C310" t="s">
        <v>906</v>
      </c>
      <c r="D310" t="s">
        <v>386</v>
      </c>
      <c r="E310">
        <v>85.33</v>
      </c>
      <c r="F310">
        <v>5</v>
      </c>
    </row>
    <row r="311" spans="1:6" x14ac:dyDescent="0.25">
      <c r="A311" t="s">
        <v>910</v>
      </c>
      <c r="B311" s="1" t="s">
        <v>922</v>
      </c>
      <c r="C311" t="s">
        <v>923</v>
      </c>
      <c r="D311" t="s">
        <v>386</v>
      </c>
      <c r="E311">
        <v>75.66</v>
      </c>
      <c r="F311">
        <v>8</v>
      </c>
    </row>
    <row r="312" spans="1:6" x14ac:dyDescent="0.25">
      <c r="A312" t="s">
        <v>925</v>
      </c>
      <c r="B312" s="1" t="s">
        <v>930</v>
      </c>
      <c r="D312" t="s">
        <v>386</v>
      </c>
      <c r="E312">
        <v>71.25</v>
      </c>
      <c r="F312">
        <v>5</v>
      </c>
    </row>
    <row r="313" spans="1:6" x14ac:dyDescent="0.25">
      <c r="A313" t="s">
        <v>262</v>
      </c>
      <c r="B313" s="1" t="s">
        <v>283</v>
      </c>
      <c r="C313" t="s">
        <v>284</v>
      </c>
      <c r="D313" t="s">
        <v>285</v>
      </c>
      <c r="E313">
        <v>59</v>
      </c>
      <c r="F313">
        <v>10</v>
      </c>
    </row>
    <row r="314" spans="1:6" x14ac:dyDescent="0.25">
      <c r="A314" t="s">
        <v>910</v>
      </c>
      <c r="B314" s="1" t="s">
        <v>294</v>
      </c>
      <c r="C314" t="s">
        <v>161</v>
      </c>
      <c r="D314" t="s">
        <v>371</v>
      </c>
      <c r="E314">
        <v>70.5</v>
      </c>
      <c r="F314">
        <v>10</v>
      </c>
    </row>
    <row r="315" spans="1:6" x14ac:dyDescent="0.25">
      <c r="A315" t="s">
        <v>841</v>
      </c>
      <c r="B315" s="1" t="s">
        <v>183</v>
      </c>
      <c r="C315" t="s">
        <v>851</v>
      </c>
      <c r="D315" t="s">
        <v>697</v>
      </c>
      <c r="E315">
        <v>30</v>
      </c>
      <c r="F315">
        <v>9</v>
      </c>
    </row>
    <row r="316" spans="1:6" x14ac:dyDescent="0.25">
      <c r="A316" t="s">
        <v>93</v>
      </c>
      <c r="B316" s="1" t="s">
        <v>97</v>
      </c>
      <c r="C316" t="s">
        <v>98</v>
      </c>
      <c r="D316" t="s">
        <v>99</v>
      </c>
      <c r="E316">
        <v>63</v>
      </c>
      <c r="F316">
        <v>2</v>
      </c>
    </row>
    <row r="317" spans="1:6" x14ac:dyDescent="0.25">
      <c r="A317" t="s">
        <v>513</v>
      </c>
      <c r="B317" s="1" t="s">
        <v>520</v>
      </c>
      <c r="D317" t="s">
        <v>99</v>
      </c>
      <c r="E317">
        <v>146</v>
      </c>
      <c r="F317">
        <v>7</v>
      </c>
    </row>
    <row r="318" spans="1:6" x14ac:dyDescent="0.25">
      <c r="A318" t="s">
        <v>524</v>
      </c>
      <c r="B318" s="1" t="s">
        <v>532</v>
      </c>
      <c r="D318" t="s">
        <v>99</v>
      </c>
      <c r="E318">
        <v>219.8</v>
      </c>
      <c r="F318">
        <v>8</v>
      </c>
    </row>
    <row r="319" spans="1:6" x14ac:dyDescent="0.25">
      <c r="A319" t="s">
        <v>827</v>
      </c>
      <c r="B319" s="1" t="s">
        <v>829</v>
      </c>
      <c r="D319" t="s">
        <v>41</v>
      </c>
      <c r="E319">
        <v>58.3</v>
      </c>
      <c r="F319">
        <v>2</v>
      </c>
    </row>
    <row r="320" spans="1:6" x14ac:dyDescent="0.25">
      <c r="A320" t="s">
        <v>827</v>
      </c>
      <c r="B320" s="1" t="s">
        <v>830</v>
      </c>
      <c r="D320" t="s">
        <v>41</v>
      </c>
      <c r="E320">
        <v>48.3</v>
      </c>
      <c r="F320">
        <v>3</v>
      </c>
    </row>
    <row r="321" spans="1:6" x14ac:dyDescent="0.25">
      <c r="A321" t="s">
        <v>832</v>
      </c>
      <c r="B321" s="1" t="s">
        <v>836</v>
      </c>
      <c r="D321" t="s">
        <v>41</v>
      </c>
      <c r="E321">
        <v>79.5</v>
      </c>
      <c r="F321">
        <v>4</v>
      </c>
    </row>
    <row r="322" spans="1:6" x14ac:dyDescent="0.25">
      <c r="A322" t="s">
        <v>335</v>
      </c>
      <c r="B322" s="1" t="s">
        <v>348</v>
      </c>
      <c r="C322" t="s">
        <v>349</v>
      </c>
      <c r="D322" t="s">
        <v>43</v>
      </c>
      <c r="E322">
        <v>56</v>
      </c>
      <c r="F322">
        <v>9</v>
      </c>
    </row>
    <row r="323" spans="1:6" x14ac:dyDescent="0.25">
      <c r="A323" t="s">
        <v>401</v>
      </c>
      <c r="B323" s="1" t="s">
        <v>402</v>
      </c>
      <c r="C323" t="s">
        <v>403</v>
      </c>
      <c r="D323" t="s">
        <v>43</v>
      </c>
      <c r="E323">
        <v>84</v>
      </c>
      <c r="F323">
        <v>1</v>
      </c>
    </row>
    <row r="324" spans="1:6" x14ac:dyDescent="0.25">
      <c r="A324" t="s">
        <v>874</v>
      </c>
      <c r="B324" s="1" t="s">
        <v>884</v>
      </c>
      <c r="C324" t="s">
        <v>780</v>
      </c>
      <c r="D324" t="s">
        <v>43</v>
      </c>
      <c r="E324">
        <v>69</v>
      </c>
      <c r="F324">
        <v>9</v>
      </c>
    </row>
    <row r="325" spans="1:6" x14ac:dyDescent="0.25">
      <c r="A325" t="s">
        <v>145</v>
      </c>
      <c r="B325" s="1" t="s">
        <v>151</v>
      </c>
      <c r="D325" t="s">
        <v>55</v>
      </c>
      <c r="E325">
        <v>136.19999999999999</v>
      </c>
      <c r="F325">
        <v>6</v>
      </c>
    </row>
    <row r="326" spans="1:6" x14ac:dyDescent="0.25">
      <c r="A326" t="s">
        <v>262</v>
      </c>
      <c r="B326" s="1" t="s">
        <v>172</v>
      </c>
      <c r="C326" t="s">
        <v>266</v>
      </c>
      <c r="D326" t="s">
        <v>55</v>
      </c>
      <c r="E326">
        <v>67</v>
      </c>
      <c r="F326">
        <v>2</v>
      </c>
    </row>
    <row r="327" spans="1:6" x14ac:dyDescent="0.25">
      <c r="A327" t="s">
        <v>355</v>
      </c>
      <c r="B327" s="1" t="s">
        <v>88</v>
      </c>
      <c r="C327" t="s">
        <v>367</v>
      </c>
      <c r="D327" t="s">
        <v>55</v>
      </c>
      <c r="E327">
        <v>84</v>
      </c>
      <c r="F327">
        <v>10</v>
      </c>
    </row>
    <row r="328" spans="1:6" x14ac:dyDescent="0.25">
      <c r="A328" t="s">
        <v>417</v>
      </c>
      <c r="B328" s="1" t="s">
        <v>424</v>
      </c>
      <c r="C328" t="s">
        <v>235</v>
      </c>
      <c r="D328" t="s">
        <v>55</v>
      </c>
      <c r="E328">
        <v>52</v>
      </c>
      <c r="F328">
        <v>8</v>
      </c>
    </row>
    <row r="329" spans="1:6" x14ac:dyDescent="0.25">
      <c r="A329" t="s">
        <v>630</v>
      </c>
      <c r="B329" s="1" t="s">
        <v>639</v>
      </c>
      <c r="D329" t="s">
        <v>55</v>
      </c>
      <c r="E329">
        <v>65.25</v>
      </c>
      <c r="F329">
        <v>8</v>
      </c>
    </row>
    <row r="330" spans="1:6" x14ac:dyDescent="0.25">
      <c r="A330" t="s">
        <v>656</v>
      </c>
      <c r="B330" s="1" t="s">
        <v>659</v>
      </c>
      <c r="C330" t="s">
        <v>660</v>
      </c>
      <c r="D330" t="s">
        <v>55</v>
      </c>
      <c r="E330">
        <v>92</v>
      </c>
      <c r="F330">
        <v>2</v>
      </c>
    </row>
    <row r="331" spans="1:6" x14ac:dyDescent="0.25">
      <c r="A331" t="s">
        <v>684</v>
      </c>
      <c r="B331" s="1" t="s">
        <v>691</v>
      </c>
      <c r="C331" t="s">
        <v>692</v>
      </c>
      <c r="D331" t="s">
        <v>55</v>
      </c>
      <c r="E331">
        <v>75</v>
      </c>
      <c r="F331">
        <v>6</v>
      </c>
    </row>
    <row r="332" spans="1:6" x14ac:dyDescent="0.25">
      <c r="A332" t="s">
        <v>717</v>
      </c>
      <c r="B332" s="1" t="s">
        <v>143</v>
      </c>
      <c r="C332" t="s">
        <v>718</v>
      </c>
      <c r="D332" t="s">
        <v>55</v>
      </c>
      <c r="E332">
        <v>74</v>
      </c>
      <c r="F332">
        <v>1</v>
      </c>
    </row>
    <row r="333" spans="1:6" x14ac:dyDescent="0.25">
      <c r="A333" t="s">
        <v>717</v>
      </c>
      <c r="B333" s="1" t="s">
        <v>719</v>
      </c>
      <c r="C333" t="s">
        <v>720</v>
      </c>
      <c r="D333" t="s">
        <v>55</v>
      </c>
      <c r="E333">
        <v>73</v>
      </c>
      <c r="F333">
        <v>2</v>
      </c>
    </row>
    <row r="334" spans="1:6" x14ac:dyDescent="0.25">
      <c r="A334" t="s">
        <v>717</v>
      </c>
      <c r="B334" s="1" t="s">
        <v>721</v>
      </c>
      <c r="C334" t="s">
        <v>722</v>
      </c>
      <c r="D334" t="s">
        <v>55</v>
      </c>
      <c r="E334">
        <v>70</v>
      </c>
      <c r="F334">
        <v>3</v>
      </c>
    </row>
    <row r="335" spans="1:6" x14ac:dyDescent="0.25">
      <c r="A335" t="s">
        <v>804</v>
      </c>
      <c r="B335" s="1" t="s">
        <v>805</v>
      </c>
      <c r="D335" t="s">
        <v>55</v>
      </c>
      <c r="E335">
        <v>112.5</v>
      </c>
      <c r="F335">
        <v>1</v>
      </c>
    </row>
    <row r="336" spans="1:6" x14ac:dyDescent="0.25">
      <c r="A336" t="s">
        <v>897</v>
      </c>
      <c r="B336" s="1" t="s">
        <v>211</v>
      </c>
      <c r="C336" t="s">
        <v>907</v>
      </c>
      <c r="D336" t="s">
        <v>55</v>
      </c>
      <c r="E336">
        <v>80</v>
      </c>
      <c r="F336">
        <v>6</v>
      </c>
    </row>
    <row r="337" spans="1:6" x14ac:dyDescent="0.25">
      <c r="A337" t="s">
        <v>524</v>
      </c>
      <c r="B337" s="1" t="s">
        <v>534</v>
      </c>
      <c r="D337" t="s">
        <v>306</v>
      </c>
      <c r="E337">
        <v>214.3</v>
      </c>
      <c r="F337">
        <v>10</v>
      </c>
    </row>
    <row r="338" spans="1:6" x14ac:dyDescent="0.25">
      <c r="A338" t="s">
        <v>455</v>
      </c>
      <c r="B338" s="1" t="s">
        <v>457</v>
      </c>
      <c r="D338" t="s">
        <v>368</v>
      </c>
      <c r="E338">
        <v>224.33</v>
      </c>
      <c r="F338">
        <v>2</v>
      </c>
    </row>
    <row r="339" spans="1:6" x14ac:dyDescent="0.25">
      <c r="A339" t="s">
        <v>455</v>
      </c>
      <c r="B339" s="1" t="s">
        <v>465</v>
      </c>
      <c r="D339" t="s">
        <v>86</v>
      </c>
      <c r="E339">
        <v>143.99</v>
      </c>
      <c r="F339">
        <v>9</v>
      </c>
    </row>
    <row r="340" spans="1:6" x14ac:dyDescent="0.25">
      <c r="A340" t="s">
        <v>467</v>
      </c>
      <c r="B340" s="1" t="s">
        <v>12</v>
      </c>
      <c r="C340" t="s">
        <v>185</v>
      </c>
      <c r="D340" t="s">
        <v>86</v>
      </c>
      <c r="E340">
        <v>68</v>
      </c>
      <c r="F340">
        <v>7</v>
      </c>
    </row>
    <row r="341" spans="1:6" x14ac:dyDescent="0.25">
      <c r="A341" t="s">
        <v>513</v>
      </c>
      <c r="B341" s="1" t="s">
        <v>518</v>
      </c>
      <c r="D341" t="s">
        <v>86</v>
      </c>
      <c r="E341">
        <v>160.5</v>
      </c>
      <c r="F341">
        <v>5</v>
      </c>
    </row>
    <row r="342" spans="1:6" x14ac:dyDescent="0.25">
      <c r="A342" t="s">
        <v>535</v>
      </c>
      <c r="B342" s="1" t="s">
        <v>542</v>
      </c>
      <c r="D342" t="s">
        <v>86</v>
      </c>
      <c r="E342">
        <v>191.36</v>
      </c>
      <c r="F342">
        <v>7</v>
      </c>
    </row>
    <row r="343" spans="1:6" x14ac:dyDescent="0.25">
      <c r="A343" t="s">
        <v>559</v>
      </c>
      <c r="B343" s="1" t="s">
        <v>568</v>
      </c>
      <c r="C343" t="s">
        <v>569</v>
      </c>
      <c r="D343" t="s">
        <v>86</v>
      </c>
      <c r="E343">
        <v>56.5</v>
      </c>
      <c r="F343">
        <v>7</v>
      </c>
    </row>
    <row r="344" spans="1:6" x14ac:dyDescent="0.25">
      <c r="A344" t="s">
        <v>576</v>
      </c>
      <c r="B344" s="1" t="s">
        <v>580</v>
      </c>
      <c r="D344" t="s">
        <v>86</v>
      </c>
      <c r="E344">
        <v>89.3</v>
      </c>
      <c r="F344">
        <v>3</v>
      </c>
    </row>
    <row r="345" spans="1:6" x14ac:dyDescent="0.25">
      <c r="A345" t="s">
        <v>615</v>
      </c>
      <c r="B345" s="1" t="s">
        <v>624</v>
      </c>
      <c r="C345" t="s">
        <v>625</v>
      </c>
      <c r="D345" t="s">
        <v>86</v>
      </c>
      <c r="E345">
        <v>101</v>
      </c>
      <c r="F345">
        <v>8</v>
      </c>
    </row>
    <row r="346" spans="1:6" x14ac:dyDescent="0.25">
      <c r="A346" t="s">
        <v>656</v>
      </c>
      <c r="B346" s="1" t="s">
        <v>665</v>
      </c>
      <c r="C346" t="s">
        <v>666</v>
      </c>
      <c r="D346" t="s">
        <v>86</v>
      </c>
      <c r="E346">
        <v>74.66</v>
      </c>
      <c r="F346">
        <v>6</v>
      </c>
    </row>
    <row r="347" spans="1:6" x14ac:dyDescent="0.25">
      <c r="A347" t="s">
        <v>656</v>
      </c>
      <c r="B347" s="1" t="s">
        <v>671</v>
      </c>
      <c r="C347" t="s">
        <v>672</v>
      </c>
      <c r="D347" t="s">
        <v>86</v>
      </c>
      <c r="E347">
        <v>69.33</v>
      </c>
      <c r="F347">
        <v>10</v>
      </c>
    </row>
    <row r="348" spans="1:6" x14ac:dyDescent="0.25">
      <c r="A348" t="s">
        <v>673</v>
      </c>
      <c r="B348" s="1" t="s">
        <v>674</v>
      </c>
      <c r="D348" t="s">
        <v>86</v>
      </c>
      <c r="E348">
        <v>91.66</v>
      </c>
      <c r="F348">
        <v>1</v>
      </c>
    </row>
    <row r="349" spans="1:6" x14ac:dyDescent="0.25">
      <c r="A349" t="s">
        <v>886</v>
      </c>
      <c r="B349" s="1" t="s">
        <v>888</v>
      </c>
      <c r="D349" t="s">
        <v>86</v>
      </c>
      <c r="E349">
        <v>147.5</v>
      </c>
      <c r="F349">
        <v>2</v>
      </c>
    </row>
    <row r="350" spans="1:6" x14ac:dyDescent="0.25">
      <c r="A350" t="s">
        <v>886</v>
      </c>
      <c r="B350" s="1" t="s">
        <v>892</v>
      </c>
      <c r="D350" t="s">
        <v>86</v>
      </c>
      <c r="E350">
        <v>129.75</v>
      </c>
      <c r="F350">
        <v>6</v>
      </c>
    </row>
    <row r="351" spans="1:6" x14ac:dyDescent="0.25">
      <c r="A351" t="s">
        <v>886</v>
      </c>
      <c r="B351" s="1" t="s">
        <v>893</v>
      </c>
      <c r="D351" t="s">
        <v>86</v>
      </c>
      <c r="E351">
        <v>128</v>
      </c>
      <c r="F351">
        <v>7</v>
      </c>
    </row>
    <row r="352" spans="1:6" x14ac:dyDescent="0.25">
      <c r="A352" t="s">
        <v>948</v>
      </c>
      <c r="B352" s="1" t="s">
        <v>952</v>
      </c>
      <c r="D352" t="s">
        <v>86</v>
      </c>
      <c r="E352">
        <v>75.63</v>
      </c>
      <c r="F352">
        <v>4</v>
      </c>
    </row>
    <row r="353" spans="1:6" x14ac:dyDescent="0.25">
      <c r="A353" t="s">
        <v>948</v>
      </c>
      <c r="B353" s="1" t="s">
        <v>958</v>
      </c>
      <c r="D353" t="s">
        <v>86</v>
      </c>
      <c r="E353">
        <v>68.38</v>
      </c>
      <c r="F353">
        <v>10</v>
      </c>
    </row>
    <row r="354" spans="1:6" x14ac:dyDescent="0.25">
      <c r="A354" t="s">
        <v>5</v>
      </c>
      <c r="B354" s="1" t="s">
        <v>6</v>
      </c>
      <c r="C354" t="s">
        <v>7</v>
      </c>
      <c r="D354" t="s">
        <v>8</v>
      </c>
      <c r="E354">
        <v>64</v>
      </c>
      <c r="F354">
        <v>1</v>
      </c>
    </row>
    <row r="355" spans="1:6" x14ac:dyDescent="0.25">
      <c r="A355" t="s">
        <v>5</v>
      </c>
      <c r="B355" s="1" t="s">
        <v>12</v>
      </c>
      <c r="C355" t="s">
        <v>13</v>
      </c>
      <c r="D355" t="s">
        <v>8</v>
      </c>
      <c r="E355">
        <v>62</v>
      </c>
      <c r="F355">
        <v>3</v>
      </c>
    </row>
    <row r="356" spans="1:6" x14ac:dyDescent="0.25">
      <c r="A356" t="s">
        <v>245</v>
      </c>
      <c r="B356" s="1" t="s">
        <v>250</v>
      </c>
      <c r="D356" t="s">
        <v>8</v>
      </c>
      <c r="E356">
        <v>67</v>
      </c>
      <c r="F356">
        <v>4</v>
      </c>
    </row>
    <row r="357" spans="1:6" x14ac:dyDescent="0.25">
      <c r="A357" t="s">
        <v>308</v>
      </c>
      <c r="B357" s="1" t="s">
        <v>313</v>
      </c>
      <c r="D357" t="s">
        <v>8</v>
      </c>
      <c r="E357">
        <v>80</v>
      </c>
      <c r="F357">
        <v>5</v>
      </c>
    </row>
    <row r="358" spans="1:6" x14ac:dyDescent="0.25">
      <c r="A358" t="s">
        <v>323</v>
      </c>
      <c r="B358" s="1" t="s">
        <v>324</v>
      </c>
      <c r="D358" t="s">
        <v>8</v>
      </c>
      <c r="E358">
        <v>268</v>
      </c>
      <c r="F358">
        <v>1</v>
      </c>
    </row>
    <row r="359" spans="1:6" x14ac:dyDescent="0.25">
      <c r="A359" t="s">
        <v>335</v>
      </c>
      <c r="B359" s="1" t="s">
        <v>106</v>
      </c>
      <c r="C359" t="s">
        <v>344</v>
      </c>
      <c r="D359" t="s">
        <v>8</v>
      </c>
      <c r="E359">
        <v>60</v>
      </c>
      <c r="F359">
        <v>5</v>
      </c>
    </row>
    <row r="360" spans="1:6" x14ac:dyDescent="0.25">
      <c r="A360" t="s">
        <v>475</v>
      </c>
      <c r="B360" s="1" t="s">
        <v>476</v>
      </c>
      <c r="C360" t="s">
        <v>477</v>
      </c>
      <c r="D360" t="s">
        <v>8</v>
      </c>
      <c r="E360">
        <v>70</v>
      </c>
      <c r="F360">
        <v>1</v>
      </c>
    </row>
    <row r="361" spans="1:6" x14ac:dyDescent="0.25">
      <c r="A361" t="s">
        <v>524</v>
      </c>
      <c r="B361" s="1" t="s">
        <v>527</v>
      </c>
      <c r="D361" t="s">
        <v>8</v>
      </c>
      <c r="E361">
        <v>251.6</v>
      </c>
      <c r="F361">
        <v>3</v>
      </c>
    </row>
    <row r="362" spans="1:6" x14ac:dyDescent="0.25">
      <c r="A362" t="s">
        <v>546</v>
      </c>
      <c r="B362" s="1" t="s">
        <v>62</v>
      </c>
      <c r="C362" t="s">
        <v>550</v>
      </c>
      <c r="D362" t="s">
        <v>8</v>
      </c>
      <c r="E362">
        <v>90</v>
      </c>
      <c r="F362">
        <v>4</v>
      </c>
    </row>
    <row r="363" spans="1:6" x14ac:dyDescent="0.25">
      <c r="A363" t="s">
        <v>576</v>
      </c>
      <c r="B363" s="1" t="s">
        <v>577</v>
      </c>
      <c r="D363" t="s">
        <v>8</v>
      </c>
      <c r="E363">
        <v>98</v>
      </c>
      <c r="F363">
        <v>1</v>
      </c>
    </row>
    <row r="364" spans="1:6" x14ac:dyDescent="0.25">
      <c r="A364" t="s">
        <v>792</v>
      </c>
      <c r="B364" s="1" t="s">
        <v>796</v>
      </c>
      <c r="D364" t="s">
        <v>8</v>
      </c>
      <c r="E364">
        <v>87</v>
      </c>
      <c r="F364">
        <v>4</v>
      </c>
    </row>
    <row r="365" spans="1:6" x14ac:dyDescent="0.25">
      <c r="A365" t="s">
        <v>815</v>
      </c>
      <c r="B365" s="1" t="s">
        <v>821</v>
      </c>
      <c r="D365" t="s">
        <v>8</v>
      </c>
      <c r="E365">
        <v>66.5</v>
      </c>
      <c r="F365">
        <v>6</v>
      </c>
    </row>
    <row r="366" spans="1:6" x14ac:dyDescent="0.25">
      <c r="A366" t="s">
        <v>815</v>
      </c>
      <c r="B366" s="1" t="s">
        <v>823</v>
      </c>
      <c r="D366" t="s">
        <v>8</v>
      </c>
      <c r="E366">
        <v>59.5</v>
      </c>
      <c r="F366">
        <v>8</v>
      </c>
    </row>
    <row r="367" spans="1:6" x14ac:dyDescent="0.25">
      <c r="A367" t="s">
        <v>576</v>
      </c>
      <c r="B367" s="1" t="s">
        <v>578</v>
      </c>
      <c r="D367" t="s">
        <v>579</v>
      </c>
      <c r="E367">
        <v>93.7</v>
      </c>
      <c r="F367">
        <v>2</v>
      </c>
    </row>
    <row r="368" spans="1:6" x14ac:dyDescent="0.25">
      <c r="A368" t="s">
        <v>642</v>
      </c>
      <c r="B368" s="1" t="s">
        <v>643</v>
      </c>
      <c r="C368" t="s">
        <v>567</v>
      </c>
      <c r="D368" t="s">
        <v>579</v>
      </c>
      <c r="E368">
        <v>69</v>
      </c>
      <c r="F368">
        <v>1</v>
      </c>
    </row>
    <row r="369" spans="1:6" x14ac:dyDescent="0.25">
      <c r="A369" t="s">
        <v>430</v>
      </c>
      <c r="B369" s="1" t="s">
        <v>436</v>
      </c>
      <c r="D369" t="s">
        <v>437</v>
      </c>
      <c r="E369">
        <v>169.75</v>
      </c>
      <c r="F369">
        <v>6</v>
      </c>
    </row>
    <row r="370" spans="1:6" x14ac:dyDescent="0.25">
      <c r="A370" t="s">
        <v>455</v>
      </c>
      <c r="B370" s="1" t="s">
        <v>458</v>
      </c>
      <c r="D370" t="s">
        <v>437</v>
      </c>
      <c r="E370">
        <v>202.67</v>
      </c>
      <c r="F370">
        <v>3</v>
      </c>
    </row>
    <row r="371" spans="1:6" x14ac:dyDescent="0.25">
      <c r="A371" t="s">
        <v>524</v>
      </c>
      <c r="B371" s="1" t="s">
        <v>531</v>
      </c>
      <c r="D371" t="s">
        <v>437</v>
      </c>
      <c r="E371">
        <v>227.3</v>
      </c>
      <c r="F371">
        <v>7</v>
      </c>
    </row>
    <row r="372" spans="1:6" x14ac:dyDescent="0.25">
      <c r="A372" t="s">
        <v>700</v>
      </c>
      <c r="B372" s="1" t="s">
        <v>711</v>
      </c>
      <c r="C372" t="s">
        <v>712</v>
      </c>
      <c r="D372" t="s">
        <v>144</v>
      </c>
      <c r="E372">
        <v>55</v>
      </c>
      <c r="F372">
        <v>8</v>
      </c>
    </row>
    <row r="373" spans="1:6" x14ac:dyDescent="0.25">
      <c r="A373" t="s">
        <v>717</v>
      </c>
      <c r="B373" s="1" t="s">
        <v>726</v>
      </c>
      <c r="C373" t="s">
        <v>727</v>
      </c>
      <c r="D373" t="s">
        <v>144</v>
      </c>
      <c r="E373">
        <v>65</v>
      </c>
      <c r="F373">
        <v>7</v>
      </c>
    </row>
    <row r="374" spans="1:6" x14ac:dyDescent="0.25">
      <c r="A374" t="s">
        <v>959</v>
      </c>
      <c r="B374" s="1" t="s">
        <v>963</v>
      </c>
      <c r="D374" t="s">
        <v>144</v>
      </c>
      <c r="E374">
        <v>54.45</v>
      </c>
      <c r="F374">
        <v>4</v>
      </c>
    </row>
    <row r="375" spans="1:6" x14ac:dyDescent="0.25">
      <c r="A375" t="s">
        <v>475</v>
      </c>
      <c r="B375" s="1" t="s">
        <v>135</v>
      </c>
      <c r="C375" t="s">
        <v>478</v>
      </c>
      <c r="D375" t="s">
        <v>399</v>
      </c>
      <c r="E375">
        <v>68</v>
      </c>
      <c r="F375">
        <v>2</v>
      </c>
    </row>
    <row r="376" spans="1:6" x14ac:dyDescent="0.25">
      <c r="A376" t="s">
        <v>373</v>
      </c>
      <c r="B376" s="1" t="s">
        <v>378</v>
      </c>
      <c r="D376" t="s">
        <v>84</v>
      </c>
      <c r="E376">
        <v>244.5</v>
      </c>
      <c r="F376">
        <v>5</v>
      </c>
    </row>
    <row r="377" spans="1:6" x14ac:dyDescent="0.25">
      <c r="A377" t="s">
        <v>601</v>
      </c>
      <c r="B377" s="1" t="s">
        <v>193</v>
      </c>
      <c r="C377" t="s">
        <v>608</v>
      </c>
      <c r="D377" t="s">
        <v>84</v>
      </c>
      <c r="E377">
        <v>36</v>
      </c>
      <c r="F377">
        <v>6</v>
      </c>
    </row>
    <row r="378" spans="1:6" x14ac:dyDescent="0.25">
      <c r="A378" t="s">
        <v>781</v>
      </c>
      <c r="B378" s="1" t="s">
        <v>787</v>
      </c>
      <c r="D378" t="s">
        <v>84</v>
      </c>
      <c r="E378">
        <v>77.33</v>
      </c>
      <c r="F378">
        <v>6</v>
      </c>
    </row>
    <row r="379" spans="1:6" x14ac:dyDescent="0.25">
      <c r="A379" t="s">
        <v>886</v>
      </c>
      <c r="B379" s="1" t="s">
        <v>891</v>
      </c>
      <c r="D379" t="s">
        <v>84</v>
      </c>
      <c r="E379">
        <v>130</v>
      </c>
      <c r="F379">
        <v>5</v>
      </c>
    </row>
    <row r="380" spans="1:6" x14ac:dyDescent="0.25">
      <c r="A380" t="s">
        <v>684</v>
      </c>
      <c r="B380" s="1" t="s">
        <v>693</v>
      </c>
      <c r="C380" t="s">
        <v>217</v>
      </c>
      <c r="D380" t="s">
        <v>45</v>
      </c>
      <c r="E380">
        <v>72.5</v>
      </c>
      <c r="F380">
        <v>8</v>
      </c>
    </row>
    <row r="381" spans="1:6" x14ac:dyDescent="0.25">
      <c r="A381" t="s">
        <v>792</v>
      </c>
      <c r="B381" s="1" t="s">
        <v>795</v>
      </c>
      <c r="D381" t="s">
        <v>45</v>
      </c>
      <c r="E381">
        <v>88.5</v>
      </c>
      <c r="F381">
        <v>3</v>
      </c>
    </row>
    <row r="382" spans="1:6" x14ac:dyDescent="0.25">
      <c r="A382" t="s">
        <v>630</v>
      </c>
      <c r="B382" s="1" t="s">
        <v>637</v>
      </c>
      <c r="D382" t="s">
        <v>638</v>
      </c>
      <c r="E382">
        <v>70.5</v>
      </c>
      <c r="F382">
        <v>7</v>
      </c>
    </row>
    <row r="383" spans="1:6" x14ac:dyDescent="0.25">
      <c r="A383" t="s">
        <v>145</v>
      </c>
      <c r="B383" s="1" t="s">
        <v>147</v>
      </c>
      <c r="D383" t="s">
        <v>133</v>
      </c>
      <c r="E383">
        <v>176.2</v>
      </c>
      <c r="F383">
        <v>2</v>
      </c>
    </row>
    <row r="384" spans="1:6" x14ac:dyDescent="0.25">
      <c r="A384" t="s">
        <v>288</v>
      </c>
      <c r="B384" s="1" t="s">
        <v>296</v>
      </c>
      <c r="C384" t="s">
        <v>297</v>
      </c>
      <c r="D384" t="s">
        <v>133</v>
      </c>
      <c r="E384">
        <v>80</v>
      </c>
      <c r="F384">
        <v>4</v>
      </c>
    </row>
    <row r="385" spans="1:6" x14ac:dyDescent="0.25">
      <c r="A385" t="s">
        <v>401</v>
      </c>
      <c r="B385" s="1" t="s">
        <v>190</v>
      </c>
      <c r="C385" t="s">
        <v>414</v>
      </c>
      <c r="D385" t="s">
        <v>133</v>
      </c>
      <c r="E385">
        <v>76</v>
      </c>
      <c r="F385">
        <v>8</v>
      </c>
    </row>
    <row r="386" spans="1:6" x14ac:dyDescent="0.25">
      <c r="A386" t="s">
        <v>417</v>
      </c>
      <c r="B386" s="1" t="s">
        <v>39</v>
      </c>
      <c r="C386" t="s">
        <v>427</v>
      </c>
      <c r="D386" t="s">
        <v>133</v>
      </c>
      <c r="E386">
        <v>43.75</v>
      </c>
      <c r="F386">
        <v>10</v>
      </c>
    </row>
    <row r="387" spans="1:6" x14ac:dyDescent="0.25">
      <c r="A387" t="s">
        <v>588</v>
      </c>
      <c r="B387" s="1" t="s">
        <v>600</v>
      </c>
      <c r="D387" t="s">
        <v>133</v>
      </c>
      <c r="E387">
        <v>39</v>
      </c>
      <c r="F387">
        <v>10</v>
      </c>
    </row>
    <row r="388" spans="1:6" x14ac:dyDescent="0.25">
      <c r="A388" t="s">
        <v>673</v>
      </c>
      <c r="B388" s="1" t="s">
        <v>682</v>
      </c>
      <c r="D388" t="s">
        <v>133</v>
      </c>
      <c r="E388">
        <v>72.3</v>
      </c>
      <c r="F388">
        <v>9</v>
      </c>
    </row>
    <row r="389" spans="1:6" x14ac:dyDescent="0.25">
      <c r="A389" t="s">
        <v>925</v>
      </c>
      <c r="B389" s="1" t="s">
        <v>926</v>
      </c>
      <c r="D389" t="s">
        <v>133</v>
      </c>
      <c r="E389">
        <v>87.25</v>
      </c>
      <c r="F389">
        <v>1</v>
      </c>
    </row>
    <row r="390" spans="1:6" x14ac:dyDescent="0.25">
      <c r="A390" t="s">
        <v>948</v>
      </c>
      <c r="B390" s="1" t="s">
        <v>954</v>
      </c>
      <c r="D390" t="s">
        <v>133</v>
      </c>
      <c r="E390">
        <v>71.944000000000003</v>
      </c>
      <c r="F390">
        <v>6</v>
      </c>
    </row>
    <row r="391" spans="1:6" x14ac:dyDescent="0.25">
      <c r="A391" t="s">
        <v>288</v>
      </c>
      <c r="B391" s="1" t="s">
        <v>294</v>
      </c>
      <c r="C391" t="s">
        <v>295</v>
      </c>
      <c r="D391" t="s">
        <v>261</v>
      </c>
      <c r="E391">
        <v>81</v>
      </c>
      <c r="F391">
        <v>3</v>
      </c>
    </row>
    <row r="392" spans="1:6" x14ac:dyDescent="0.25">
      <c r="A392" t="s">
        <v>513</v>
      </c>
      <c r="B392" s="1" t="s">
        <v>517</v>
      </c>
      <c r="D392" t="s">
        <v>261</v>
      </c>
      <c r="E392">
        <v>162.25</v>
      </c>
      <c r="F392">
        <v>4</v>
      </c>
    </row>
    <row r="393" spans="1:6" x14ac:dyDescent="0.25">
      <c r="A393" t="s">
        <v>673</v>
      </c>
      <c r="B393" s="1" t="s">
        <v>675</v>
      </c>
      <c r="D393" t="s">
        <v>261</v>
      </c>
      <c r="E393">
        <v>87.3</v>
      </c>
      <c r="F393">
        <v>2</v>
      </c>
    </row>
    <row r="394" spans="1:6" x14ac:dyDescent="0.25">
      <c r="A394" t="s">
        <v>741</v>
      </c>
      <c r="B394" s="1" t="s">
        <v>181</v>
      </c>
      <c r="C394" t="s">
        <v>65</v>
      </c>
      <c r="D394" t="s">
        <v>261</v>
      </c>
      <c r="E394">
        <v>78</v>
      </c>
      <c r="F394">
        <v>3</v>
      </c>
    </row>
    <row r="395" spans="1:6" x14ac:dyDescent="0.25">
      <c r="A395" t="s">
        <v>741</v>
      </c>
      <c r="B395" s="1" t="s">
        <v>137</v>
      </c>
      <c r="C395" t="s">
        <v>745</v>
      </c>
      <c r="D395" t="s">
        <v>261</v>
      </c>
      <c r="E395">
        <v>76</v>
      </c>
      <c r="F395">
        <v>5</v>
      </c>
    </row>
    <row r="396" spans="1:6" x14ac:dyDescent="0.25">
      <c r="A396" t="s">
        <v>430</v>
      </c>
      <c r="B396" s="1" t="s">
        <v>440</v>
      </c>
      <c r="D396" t="s">
        <v>131</v>
      </c>
      <c r="E396">
        <v>165</v>
      </c>
      <c r="F396">
        <v>9</v>
      </c>
    </row>
    <row r="397" spans="1:6" x14ac:dyDescent="0.25">
      <c r="A397" t="s">
        <v>910</v>
      </c>
      <c r="B397" s="1" t="s">
        <v>918</v>
      </c>
      <c r="C397" t="s">
        <v>919</v>
      </c>
      <c r="D397" t="s">
        <v>131</v>
      </c>
      <c r="E397">
        <v>77</v>
      </c>
      <c r="F397">
        <v>6</v>
      </c>
    </row>
    <row r="398" spans="1:6" x14ac:dyDescent="0.25">
      <c r="A398" t="s">
        <v>925</v>
      </c>
      <c r="B398" s="1" t="s">
        <v>929</v>
      </c>
      <c r="D398" t="s">
        <v>131</v>
      </c>
      <c r="E398">
        <v>72</v>
      </c>
      <c r="F398">
        <v>4</v>
      </c>
    </row>
    <row r="399" spans="1:6" x14ac:dyDescent="0.25">
      <c r="A399" t="s">
        <v>925</v>
      </c>
      <c r="B399" s="1" t="s">
        <v>931</v>
      </c>
      <c r="D399" t="s">
        <v>803</v>
      </c>
      <c r="E399">
        <v>58.25</v>
      </c>
      <c r="F399">
        <v>6</v>
      </c>
    </row>
    <row r="400" spans="1:6" x14ac:dyDescent="0.25">
      <c r="A400" t="s">
        <v>490</v>
      </c>
      <c r="B400" s="1" t="s">
        <v>495</v>
      </c>
      <c r="D400" t="s">
        <v>496</v>
      </c>
      <c r="E400">
        <v>38.975000000000001</v>
      </c>
      <c r="F400">
        <v>5</v>
      </c>
    </row>
    <row r="401" spans="1:6" x14ac:dyDescent="0.25">
      <c r="A401" t="s">
        <v>731</v>
      </c>
      <c r="B401" s="1" t="s">
        <v>428</v>
      </c>
      <c r="C401" t="s">
        <v>740</v>
      </c>
      <c r="D401" t="s">
        <v>496</v>
      </c>
      <c r="E401">
        <v>76</v>
      </c>
      <c r="F401">
        <v>10</v>
      </c>
    </row>
    <row r="402" spans="1:6" x14ac:dyDescent="0.25">
      <c r="A402" t="s">
        <v>832</v>
      </c>
      <c r="B402" s="1" t="s">
        <v>833</v>
      </c>
      <c r="D402" t="s">
        <v>496</v>
      </c>
      <c r="E402">
        <v>131</v>
      </c>
      <c r="F402">
        <v>1</v>
      </c>
    </row>
    <row r="403" spans="1:6" x14ac:dyDescent="0.25">
      <c r="A403" t="s">
        <v>245</v>
      </c>
      <c r="B403" s="1" t="s">
        <v>246</v>
      </c>
      <c r="D403" t="s">
        <v>247</v>
      </c>
      <c r="E403">
        <v>87</v>
      </c>
      <c r="F403">
        <v>1</v>
      </c>
    </row>
    <row r="404" spans="1:6" x14ac:dyDescent="0.25">
      <c r="A404" t="s">
        <v>245</v>
      </c>
      <c r="B404" s="1" t="s">
        <v>249</v>
      </c>
      <c r="D404" t="s">
        <v>247</v>
      </c>
      <c r="E404">
        <v>71.3</v>
      </c>
      <c r="F404">
        <v>3</v>
      </c>
    </row>
    <row r="405" spans="1:6" x14ac:dyDescent="0.25">
      <c r="A405" t="s">
        <v>355</v>
      </c>
      <c r="B405" s="1" t="s">
        <v>362</v>
      </c>
      <c r="C405" t="s">
        <v>363</v>
      </c>
      <c r="D405" t="s">
        <v>247</v>
      </c>
      <c r="E405">
        <v>91</v>
      </c>
      <c r="F405">
        <v>6</v>
      </c>
    </row>
    <row r="406" spans="1:6" x14ac:dyDescent="0.25">
      <c r="A406" t="s">
        <v>673</v>
      </c>
      <c r="B406" s="1" t="s">
        <v>681</v>
      </c>
      <c r="D406" t="s">
        <v>247</v>
      </c>
      <c r="E406">
        <v>79.3</v>
      </c>
      <c r="F406">
        <v>8</v>
      </c>
    </row>
    <row r="407" spans="1:6" x14ac:dyDescent="0.25">
      <c r="A407" t="s">
        <v>262</v>
      </c>
      <c r="B407" s="1" t="s">
        <v>274</v>
      </c>
      <c r="C407" t="s">
        <v>50</v>
      </c>
      <c r="D407" t="s">
        <v>275</v>
      </c>
      <c r="E407">
        <v>60</v>
      </c>
      <c r="F407">
        <v>6</v>
      </c>
    </row>
    <row r="408" spans="1:6" x14ac:dyDescent="0.25">
      <c r="A408" t="s">
        <v>455</v>
      </c>
      <c r="B408" s="1" t="s">
        <v>466</v>
      </c>
      <c r="D408" t="s">
        <v>275</v>
      </c>
      <c r="E408">
        <v>45</v>
      </c>
      <c r="F408">
        <v>10</v>
      </c>
    </row>
    <row r="409" spans="1:6" x14ac:dyDescent="0.25">
      <c r="A409" t="s">
        <v>717</v>
      </c>
      <c r="B409" s="1" t="s">
        <v>725</v>
      </c>
      <c r="C409" t="s">
        <v>217</v>
      </c>
      <c r="D409" t="s">
        <v>275</v>
      </c>
      <c r="E409">
        <v>65</v>
      </c>
      <c r="F409">
        <v>6</v>
      </c>
    </row>
    <row r="410" spans="1:6" x14ac:dyDescent="0.25">
      <c r="A410" t="s">
        <v>417</v>
      </c>
      <c r="B410" s="1" t="s">
        <v>215</v>
      </c>
      <c r="C410" t="s">
        <v>423</v>
      </c>
      <c r="D410" t="s">
        <v>321</v>
      </c>
      <c r="E410">
        <v>59.25</v>
      </c>
      <c r="F410">
        <v>7</v>
      </c>
    </row>
    <row r="411" spans="1:6" x14ac:dyDescent="0.25">
      <c r="A411" t="s">
        <v>442</v>
      </c>
      <c r="B411" s="1" t="s">
        <v>451</v>
      </c>
      <c r="D411" t="s">
        <v>321</v>
      </c>
      <c r="E411">
        <v>53.45</v>
      </c>
      <c r="F411">
        <v>8</v>
      </c>
    </row>
    <row r="412" spans="1:6" x14ac:dyDescent="0.25">
      <c r="A412" t="s">
        <v>490</v>
      </c>
      <c r="B412" s="1" t="s">
        <v>494</v>
      </c>
      <c r="D412" t="s">
        <v>321</v>
      </c>
      <c r="E412">
        <v>44.05</v>
      </c>
      <c r="F412">
        <v>4</v>
      </c>
    </row>
    <row r="413" spans="1:6" x14ac:dyDescent="0.25">
      <c r="A413" t="s">
        <v>546</v>
      </c>
      <c r="B413" s="1" t="s">
        <v>557</v>
      </c>
      <c r="C413" t="s">
        <v>558</v>
      </c>
      <c r="D413" t="s">
        <v>321</v>
      </c>
      <c r="E413">
        <v>81</v>
      </c>
      <c r="F413">
        <v>10</v>
      </c>
    </row>
    <row r="414" spans="1:6" x14ac:dyDescent="0.25">
      <c r="A414" t="s">
        <v>601</v>
      </c>
      <c r="B414" s="1" t="s">
        <v>609</v>
      </c>
      <c r="C414" t="s">
        <v>610</v>
      </c>
      <c r="D414" t="s">
        <v>321</v>
      </c>
      <c r="E414">
        <v>35</v>
      </c>
      <c r="F414">
        <v>7</v>
      </c>
    </row>
    <row r="415" spans="1:6" x14ac:dyDescent="0.25">
      <c r="A415" t="s">
        <v>700</v>
      </c>
      <c r="B415" s="1" t="s">
        <v>713</v>
      </c>
      <c r="C415" t="s">
        <v>714</v>
      </c>
      <c r="D415" t="s">
        <v>321</v>
      </c>
      <c r="E415">
        <v>53</v>
      </c>
      <c r="F415">
        <v>9</v>
      </c>
    </row>
    <row r="416" spans="1:6" x14ac:dyDescent="0.25">
      <c r="A416" t="s">
        <v>765</v>
      </c>
      <c r="B416" s="1" t="s">
        <v>694</v>
      </c>
      <c r="C416" t="s">
        <v>778</v>
      </c>
      <c r="D416" t="s">
        <v>321</v>
      </c>
      <c r="E416">
        <v>81</v>
      </c>
      <c r="F416">
        <v>10</v>
      </c>
    </row>
    <row r="417" spans="1:6" x14ac:dyDescent="0.25">
      <c r="A417" t="s">
        <v>936</v>
      </c>
      <c r="B417" s="1" t="s">
        <v>939</v>
      </c>
      <c r="D417" t="s">
        <v>321</v>
      </c>
      <c r="E417">
        <v>78.3</v>
      </c>
      <c r="F417">
        <v>3</v>
      </c>
    </row>
    <row r="418" spans="1:6" x14ac:dyDescent="0.25">
      <c r="A418" t="s">
        <v>936</v>
      </c>
      <c r="B418" s="1" t="s">
        <v>945</v>
      </c>
      <c r="D418" t="s">
        <v>321</v>
      </c>
      <c r="E418">
        <v>67.05</v>
      </c>
      <c r="F418">
        <v>8</v>
      </c>
    </row>
    <row r="419" spans="1:6" x14ac:dyDescent="0.25">
      <c r="A419" t="s">
        <v>936</v>
      </c>
      <c r="B419" s="1" t="s">
        <v>946</v>
      </c>
      <c r="D419" t="s">
        <v>321</v>
      </c>
      <c r="E419">
        <v>60.8</v>
      </c>
      <c r="F419">
        <v>9</v>
      </c>
    </row>
    <row r="420" spans="1:6" x14ac:dyDescent="0.25">
      <c r="A420" t="s">
        <v>442</v>
      </c>
      <c r="B420" s="1" t="s">
        <v>448</v>
      </c>
      <c r="D420" t="s">
        <v>449</v>
      </c>
      <c r="E420">
        <v>60.15</v>
      </c>
      <c r="F420">
        <v>6</v>
      </c>
    </row>
    <row r="421" spans="1:6" x14ac:dyDescent="0.25">
      <c r="A421" t="s">
        <v>559</v>
      </c>
      <c r="B421" s="1" t="s">
        <v>560</v>
      </c>
      <c r="C421" t="s">
        <v>561</v>
      </c>
      <c r="D421" t="s">
        <v>562</v>
      </c>
      <c r="E421">
        <v>81</v>
      </c>
      <c r="F421">
        <v>1</v>
      </c>
    </row>
    <row r="422" spans="1:6" x14ac:dyDescent="0.25">
      <c r="A422" t="s">
        <v>387</v>
      </c>
      <c r="B422" s="1" t="s">
        <v>389</v>
      </c>
      <c r="D422" t="s">
        <v>40</v>
      </c>
      <c r="E422">
        <v>89.5</v>
      </c>
      <c r="F422">
        <v>2</v>
      </c>
    </row>
    <row r="423" spans="1:6" x14ac:dyDescent="0.25">
      <c r="A423" t="s">
        <v>502</v>
      </c>
      <c r="B423" s="1" t="s">
        <v>512</v>
      </c>
      <c r="D423" t="s">
        <v>40</v>
      </c>
      <c r="E423">
        <v>67.45</v>
      </c>
      <c r="F423">
        <v>10</v>
      </c>
    </row>
    <row r="424" spans="1:6" x14ac:dyDescent="0.25">
      <c r="A424" t="s">
        <v>601</v>
      </c>
      <c r="B424" s="1" t="s">
        <v>611</v>
      </c>
      <c r="C424" t="s">
        <v>612</v>
      </c>
      <c r="D424" t="s">
        <v>40</v>
      </c>
      <c r="E424">
        <v>35</v>
      </c>
      <c r="F424">
        <v>8</v>
      </c>
    </row>
    <row r="425" spans="1:6" x14ac:dyDescent="0.25">
      <c r="A425" t="s">
        <v>615</v>
      </c>
      <c r="B425" s="1" t="s">
        <v>155</v>
      </c>
      <c r="C425" t="s">
        <v>620</v>
      </c>
      <c r="D425" t="s">
        <v>40</v>
      </c>
      <c r="E425">
        <v>137</v>
      </c>
      <c r="F425">
        <v>4</v>
      </c>
    </row>
    <row r="426" spans="1:6" x14ac:dyDescent="0.25">
      <c r="A426" t="s">
        <v>684</v>
      </c>
      <c r="B426" s="1" t="s">
        <v>686</v>
      </c>
      <c r="C426" t="s">
        <v>232</v>
      </c>
      <c r="D426" t="s">
        <v>40</v>
      </c>
      <c r="E426">
        <v>89.33</v>
      </c>
      <c r="F426">
        <v>2</v>
      </c>
    </row>
    <row r="427" spans="1:6" x14ac:dyDescent="0.25">
      <c r="A427" t="s">
        <v>910</v>
      </c>
      <c r="B427" s="1" t="s">
        <v>920</v>
      </c>
      <c r="C427" t="s">
        <v>921</v>
      </c>
      <c r="D427" t="s">
        <v>40</v>
      </c>
      <c r="E427">
        <v>76</v>
      </c>
      <c r="F427">
        <v>7</v>
      </c>
    </row>
    <row r="428" spans="1:6" x14ac:dyDescent="0.25">
      <c r="A428" t="s">
        <v>959</v>
      </c>
      <c r="B428" s="1" t="s">
        <v>967</v>
      </c>
      <c r="D428" t="s">
        <v>40</v>
      </c>
      <c r="E428">
        <v>44.9</v>
      </c>
      <c r="F428">
        <v>8</v>
      </c>
    </row>
    <row r="429" spans="1:6" x14ac:dyDescent="0.25">
      <c r="A429" t="s">
        <v>401</v>
      </c>
      <c r="B429" s="1" t="s">
        <v>186</v>
      </c>
      <c r="C429" t="s">
        <v>244</v>
      </c>
      <c r="D429" t="s">
        <v>165</v>
      </c>
      <c r="E429">
        <v>76</v>
      </c>
      <c r="F429">
        <v>7</v>
      </c>
    </row>
    <row r="430" spans="1:6" x14ac:dyDescent="0.25">
      <c r="A430" t="s">
        <v>804</v>
      </c>
      <c r="B430" s="1" t="s">
        <v>810</v>
      </c>
      <c r="D430" t="s">
        <v>165</v>
      </c>
      <c r="E430">
        <v>93.5</v>
      </c>
      <c r="F430">
        <v>6</v>
      </c>
    </row>
    <row r="431" spans="1:6" x14ac:dyDescent="0.25">
      <c r="A431" t="s">
        <v>804</v>
      </c>
      <c r="B431" s="1" t="s">
        <v>814</v>
      </c>
      <c r="D431" t="s">
        <v>165</v>
      </c>
      <c r="E431">
        <v>0</v>
      </c>
      <c r="F431">
        <v>10</v>
      </c>
    </row>
    <row r="432" spans="1:6" x14ac:dyDescent="0.25">
      <c r="A432" t="s">
        <v>245</v>
      </c>
      <c r="B432" s="1" t="s">
        <v>251</v>
      </c>
      <c r="D432" t="s">
        <v>87</v>
      </c>
      <c r="E432">
        <v>66</v>
      </c>
      <c r="F432">
        <v>5</v>
      </c>
    </row>
    <row r="433" spans="1:6" x14ac:dyDescent="0.25">
      <c r="A433" t="s">
        <v>323</v>
      </c>
      <c r="B433" s="1" t="s">
        <v>328</v>
      </c>
      <c r="D433" t="s">
        <v>87</v>
      </c>
      <c r="E433">
        <v>225</v>
      </c>
      <c r="F433">
        <v>5</v>
      </c>
    </row>
    <row r="434" spans="1:6" x14ac:dyDescent="0.25">
      <c r="A434" t="s">
        <v>335</v>
      </c>
      <c r="B434" s="1" t="s">
        <v>336</v>
      </c>
      <c r="C434" t="s">
        <v>337</v>
      </c>
      <c r="D434" t="s">
        <v>87</v>
      </c>
      <c r="E434">
        <v>77</v>
      </c>
      <c r="F434">
        <v>1</v>
      </c>
    </row>
    <row r="435" spans="1:6" x14ac:dyDescent="0.25">
      <c r="A435" t="s">
        <v>355</v>
      </c>
      <c r="B435" s="1" t="s">
        <v>286</v>
      </c>
      <c r="C435" t="s">
        <v>364</v>
      </c>
      <c r="D435" t="s">
        <v>87</v>
      </c>
      <c r="E435">
        <v>90</v>
      </c>
      <c r="F435">
        <v>7</v>
      </c>
    </row>
    <row r="436" spans="1:6" x14ac:dyDescent="0.25">
      <c r="A436" t="s">
        <v>373</v>
      </c>
      <c r="B436" s="1" t="s">
        <v>374</v>
      </c>
      <c r="D436" t="s">
        <v>87</v>
      </c>
      <c r="E436">
        <v>282.5</v>
      </c>
      <c r="F436">
        <v>1</v>
      </c>
    </row>
    <row r="437" spans="1:6" x14ac:dyDescent="0.25">
      <c r="A437" t="s">
        <v>387</v>
      </c>
      <c r="B437" s="1" t="s">
        <v>396</v>
      </c>
      <c r="D437" t="s">
        <v>87</v>
      </c>
      <c r="E437">
        <v>82</v>
      </c>
      <c r="F437">
        <v>8</v>
      </c>
    </row>
    <row r="438" spans="1:6" x14ac:dyDescent="0.25">
      <c r="A438" t="s">
        <v>535</v>
      </c>
      <c r="B438" s="1" t="s">
        <v>539</v>
      </c>
      <c r="D438" t="s">
        <v>87</v>
      </c>
      <c r="E438">
        <v>244.03</v>
      </c>
      <c r="F438">
        <v>4</v>
      </c>
    </row>
    <row r="439" spans="1:6" x14ac:dyDescent="0.25">
      <c r="A439" t="s">
        <v>642</v>
      </c>
      <c r="B439" s="1" t="s">
        <v>49</v>
      </c>
      <c r="C439" t="s">
        <v>648</v>
      </c>
      <c r="D439" t="s">
        <v>87</v>
      </c>
      <c r="E439">
        <v>61</v>
      </c>
      <c r="F439">
        <v>7</v>
      </c>
    </row>
    <row r="440" spans="1:6" x14ac:dyDescent="0.25">
      <c r="A440" t="s">
        <v>673</v>
      </c>
      <c r="B440" s="1" t="s">
        <v>679</v>
      </c>
      <c r="D440" t="s">
        <v>87</v>
      </c>
      <c r="E440">
        <v>81.33</v>
      </c>
      <c r="F440">
        <v>6</v>
      </c>
    </row>
    <row r="441" spans="1:6" x14ac:dyDescent="0.25">
      <c r="A441" t="s">
        <v>874</v>
      </c>
      <c r="B441" s="1" t="s">
        <v>39</v>
      </c>
      <c r="C441" t="s">
        <v>878</v>
      </c>
      <c r="D441" t="s">
        <v>87</v>
      </c>
      <c r="E441">
        <v>75</v>
      </c>
      <c r="F441">
        <v>4</v>
      </c>
    </row>
    <row r="442" spans="1:6" x14ac:dyDescent="0.25">
      <c r="A442" t="s">
        <v>874</v>
      </c>
      <c r="B442" s="1" t="s">
        <v>181</v>
      </c>
      <c r="C442" t="s">
        <v>885</v>
      </c>
      <c r="D442" t="s">
        <v>87</v>
      </c>
      <c r="E442">
        <v>68</v>
      </c>
      <c r="F442">
        <v>10</v>
      </c>
    </row>
    <row r="443" spans="1:6" x14ac:dyDescent="0.25">
      <c r="A443" t="s">
        <v>886</v>
      </c>
      <c r="B443" s="1" t="s">
        <v>889</v>
      </c>
      <c r="D443" t="s">
        <v>87</v>
      </c>
      <c r="E443">
        <v>135.5</v>
      </c>
      <c r="F443">
        <v>3</v>
      </c>
    </row>
    <row r="444" spans="1:6" x14ac:dyDescent="0.25">
      <c r="A444" t="s">
        <v>897</v>
      </c>
      <c r="B444" s="1" t="s">
        <v>709</v>
      </c>
      <c r="C444" t="s">
        <v>908</v>
      </c>
      <c r="D444" t="s">
        <v>87</v>
      </c>
      <c r="E444">
        <v>79</v>
      </c>
      <c r="F444">
        <v>7</v>
      </c>
    </row>
    <row r="445" spans="1:6" x14ac:dyDescent="0.25">
      <c r="A445" t="s">
        <v>948</v>
      </c>
      <c r="B445" s="1" t="s">
        <v>957</v>
      </c>
      <c r="D445" t="s">
        <v>87</v>
      </c>
      <c r="E445">
        <v>69.444999999999993</v>
      </c>
      <c r="F445">
        <v>9</v>
      </c>
    </row>
    <row r="446" spans="1:6" x14ac:dyDescent="0.25">
      <c r="A446" t="s">
        <v>959</v>
      </c>
      <c r="B446" s="1" t="s">
        <v>964</v>
      </c>
      <c r="D446" t="s">
        <v>87</v>
      </c>
      <c r="E446">
        <v>54.05</v>
      </c>
      <c r="F446">
        <v>5</v>
      </c>
    </row>
    <row r="447" spans="1:6" x14ac:dyDescent="0.25">
      <c r="A447" t="s">
        <v>5</v>
      </c>
      <c r="B447" s="1" t="s">
        <v>26</v>
      </c>
      <c r="C447" t="s">
        <v>27</v>
      </c>
      <c r="D447" t="s">
        <v>28</v>
      </c>
      <c r="E447">
        <v>53</v>
      </c>
      <c r="F447">
        <v>7</v>
      </c>
    </row>
    <row r="448" spans="1:6" x14ac:dyDescent="0.25">
      <c r="A448" t="s">
        <v>387</v>
      </c>
      <c r="B448" s="1" t="s">
        <v>390</v>
      </c>
      <c r="D448" t="s">
        <v>28</v>
      </c>
      <c r="E448">
        <v>88.75</v>
      </c>
      <c r="F448">
        <v>3</v>
      </c>
    </row>
    <row r="449" spans="1:6" x14ac:dyDescent="0.25">
      <c r="A449" t="s">
        <v>442</v>
      </c>
      <c r="B449" s="1" t="s">
        <v>452</v>
      </c>
      <c r="D449" t="s">
        <v>28</v>
      </c>
      <c r="E449">
        <v>48.65</v>
      </c>
      <c r="F449">
        <v>9</v>
      </c>
    </row>
    <row r="450" spans="1:6" x14ac:dyDescent="0.25">
      <c r="A450" t="s">
        <v>815</v>
      </c>
      <c r="B450" s="1" t="s">
        <v>818</v>
      </c>
      <c r="D450" t="s">
        <v>28</v>
      </c>
      <c r="E450">
        <v>89.5</v>
      </c>
      <c r="F450">
        <v>3</v>
      </c>
    </row>
    <row r="451" spans="1:6" x14ac:dyDescent="0.25">
      <c r="A451" t="s">
        <v>853</v>
      </c>
      <c r="B451" s="1" t="s">
        <v>857</v>
      </c>
      <c r="D451" t="s">
        <v>28</v>
      </c>
      <c r="E451">
        <v>91.5</v>
      </c>
      <c r="F451">
        <v>4</v>
      </c>
    </row>
    <row r="452" spans="1:6" x14ac:dyDescent="0.25">
      <c r="A452" t="s">
        <v>387</v>
      </c>
      <c r="B452" s="1" t="s">
        <v>394</v>
      </c>
      <c r="D452" t="s">
        <v>171</v>
      </c>
      <c r="E452">
        <v>83.75</v>
      </c>
      <c r="F452">
        <v>6</v>
      </c>
    </row>
    <row r="453" spans="1:6" x14ac:dyDescent="0.25">
      <c r="A453" t="s">
        <v>401</v>
      </c>
      <c r="B453" s="1" t="s">
        <v>404</v>
      </c>
      <c r="C453" t="s">
        <v>405</v>
      </c>
      <c r="D453" t="s">
        <v>171</v>
      </c>
      <c r="E453">
        <v>82</v>
      </c>
      <c r="F453">
        <v>2</v>
      </c>
    </row>
    <row r="454" spans="1:6" x14ac:dyDescent="0.25">
      <c r="A454" t="s">
        <v>442</v>
      </c>
      <c r="B454" s="1" t="s">
        <v>445</v>
      </c>
      <c r="D454" t="s">
        <v>171</v>
      </c>
      <c r="E454">
        <v>65.599999999999994</v>
      </c>
      <c r="F454">
        <v>3</v>
      </c>
    </row>
    <row r="455" spans="1:6" x14ac:dyDescent="0.25">
      <c r="A455" t="s">
        <v>467</v>
      </c>
      <c r="B455" s="1" t="s">
        <v>197</v>
      </c>
      <c r="C455" t="s">
        <v>473</v>
      </c>
      <c r="D455" t="s">
        <v>171</v>
      </c>
      <c r="E455">
        <v>64</v>
      </c>
      <c r="F455">
        <v>10</v>
      </c>
    </row>
    <row r="456" spans="1:6" x14ac:dyDescent="0.25">
      <c r="A456" t="s">
        <v>490</v>
      </c>
      <c r="B456" s="1" t="s">
        <v>497</v>
      </c>
      <c r="D456" t="s">
        <v>171</v>
      </c>
      <c r="E456">
        <v>32.799999999999997</v>
      </c>
      <c r="F456">
        <v>6</v>
      </c>
    </row>
    <row r="457" spans="1:6" x14ac:dyDescent="0.25">
      <c r="A457" t="s">
        <v>502</v>
      </c>
      <c r="B457" s="1" t="s">
        <v>503</v>
      </c>
      <c r="D457" t="s">
        <v>171</v>
      </c>
      <c r="E457">
        <v>83.3</v>
      </c>
      <c r="F457">
        <v>1</v>
      </c>
    </row>
    <row r="458" spans="1:6" x14ac:dyDescent="0.25">
      <c r="A458" t="s">
        <v>513</v>
      </c>
      <c r="B458" s="1" t="s">
        <v>515</v>
      </c>
      <c r="D458" t="s">
        <v>171</v>
      </c>
      <c r="E458">
        <v>176.75</v>
      </c>
      <c r="F458">
        <v>2</v>
      </c>
    </row>
    <row r="459" spans="1:6" x14ac:dyDescent="0.25">
      <c r="A459" t="s">
        <v>576</v>
      </c>
      <c r="B459" s="1" t="s">
        <v>581</v>
      </c>
      <c r="D459" t="s">
        <v>171</v>
      </c>
      <c r="E459">
        <v>87.3</v>
      </c>
      <c r="F459">
        <v>4</v>
      </c>
    </row>
    <row r="460" spans="1:6" x14ac:dyDescent="0.25">
      <c r="A460" t="s">
        <v>630</v>
      </c>
      <c r="B460" s="1" t="s">
        <v>633</v>
      </c>
      <c r="D460" t="s">
        <v>171</v>
      </c>
      <c r="E460">
        <v>75.5</v>
      </c>
      <c r="F460">
        <v>3</v>
      </c>
    </row>
    <row r="461" spans="1:6" x14ac:dyDescent="0.25">
      <c r="A461" t="s">
        <v>656</v>
      </c>
      <c r="B461" s="1" t="s">
        <v>226</v>
      </c>
      <c r="C461" t="s">
        <v>227</v>
      </c>
      <c r="D461" t="s">
        <v>171</v>
      </c>
      <c r="E461">
        <v>90.66</v>
      </c>
      <c r="F461">
        <v>3</v>
      </c>
    </row>
    <row r="462" spans="1:6" x14ac:dyDescent="0.25">
      <c r="A462" t="s">
        <v>765</v>
      </c>
      <c r="B462" s="1" t="s">
        <v>575</v>
      </c>
      <c r="C462" t="s">
        <v>766</v>
      </c>
      <c r="D462" t="s">
        <v>171</v>
      </c>
      <c r="E462">
        <v>96</v>
      </c>
      <c r="F462">
        <v>1</v>
      </c>
    </row>
    <row r="463" spans="1:6" x14ac:dyDescent="0.25">
      <c r="A463" t="s">
        <v>815</v>
      </c>
      <c r="B463" s="1" t="s">
        <v>816</v>
      </c>
      <c r="D463" t="s">
        <v>171</v>
      </c>
      <c r="E463">
        <v>96</v>
      </c>
      <c r="F463">
        <v>1</v>
      </c>
    </row>
    <row r="464" spans="1:6" x14ac:dyDescent="0.25">
      <c r="A464" t="s">
        <v>886</v>
      </c>
      <c r="B464" s="1" t="s">
        <v>887</v>
      </c>
      <c r="D464" t="s">
        <v>171</v>
      </c>
      <c r="E464">
        <v>149.75</v>
      </c>
      <c r="F464">
        <v>1</v>
      </c>
    </row>
    <row r="465" spans="1:6" x14ac:dyDescent="0.25">
      <c r="A465" t="s">
        <v>948</v>
      </c>
      <c r="B465" s="1" t="s">
        <v>949</v>
      </c>
      <c r="D465" t="s">
        <v>171</v>
      </c>
      <c r="E465">
        <v>84.551000000000002</v>
      </c>
      <c r="F465">
        <v>1</v>
      </c>
    </row>
    <row r="466" spans="1:6" x14ac:dyDescent="0.25">
      <c r="A466" t="s">
        <v>5</v>
      </c>
      <c r="B466" s="1" t="s">
        <v>17</v>
      </c>
      <c r="C466" t="s">
        <v>18</v>
      </c>
      <c r="D466" t="s">
        <v>19</v>
      </c>
      <c r="E466">
        <v>56</v>
      </c>
      <c r="F466">
        <v>5</v>
      </c>
    </row>
    <row r="467" spans="1:6" x14ac:dyDescent="0.25">
      <c r="A467" t="s">
        <v>355</v>
      </c>
      <c r="B467" s="1" t="s">
        <v>218</v>
      </c>
      <c r="C467" t="s">
        <v>361</v>
      </c>
      <c r="D467" t="s">
        <v>19</v>
      </c>
      <c r="E467">
        <v>91</v>
      </c>
      <c r="F467">
        <v>5</v>
      </c>
    </row>
    <row r="468" spans="1:6" x14ac:dyDescent="0.25">
      <c r="A468" t="s">
        <v>373</v>
      </c>
      <c r="B468" s="1" t="s">
        <v>382</v>
      </c>
      <c r="D468" t="s">
        <v>19</v>
      </c>
      <c r="E468">
        <v>216.5</v>
      </c>
      <c r="F468">
        <v>9</v>
      </c>
    </row>
    <row r="469" spans="1:6" x14ac:dyDescent="0.25">
      <c r="A469" t="s">
        <v>588</v>
      </c>
      <c r="B469" s="1" t="s">
        <v>592</v>
      </c>
      <c r="D469" t="s">
        <v>19</v>
      </c>
      <c r="E469">
        <v>72.7</v>
      </c>
      <c r="F469">
        <v>3</v>
      </c>
    </row>
    <row r="470" spans="1:6" x14ac:dyDescent="0.25">
      <c r="A470" t="s">
        <v>731</v>
      </c>
      <c r="B470" s="1" t="s">
        <v>732</v>
      </c>
      <c r="C470" t="s">
        <v>733</v>
      </c>
      <c r="D470" t="s">
        <v>19</v>
      </c>
      <c r="E470">
        <v>79</v>
      </c>
      <c r="F470">
        <v>2</v>
      </c>
    </row>
    <row r="471" spans="1:6" x14ac:dyDescent="0.25">
      <c r="A471" t="s">
        <v>475</v>
      </c>
      <c r="B471" s="1" t="s">
        <v>199</v>
      </c>
      <c r="C471" t="s">
        <v>479</v>
      </c>
      <c r="D471" t="s">
        <v>385</v>
      </c>
      <c r="E471">
        <v>56</v>
      </c>
      <c r="F471">
        <v>3</v>
      </c>
    </row>
    <row r="472" spans="1:6" x14ac:dyDescent="0.25">
      <c r="A472" t="s">
        <v>630</v>
      </c>
      <c r="B472" s="1" t="s">
        <v>632</v>
      </c>
      <c r="D472" t="s">
        <v>385</v>
      </c>
      <c r="E472">
        <v>75.75</v>
      </c>
      <c r="F472">
        <v>2</v>
      </c>
    </row>
    <row r="473" spans="1:6" x14ac:dyDescent="0.25">
      <c r="A473" t="s">
        <v>792</v>
      </c>
      <c r="B473" s="1" t="s">
        <v>802</v>
      </c>
      <c r="D473" t="s">
        <v>385</v>
      </c>
      <c r="E473">
        <v>67</v>
      </c>
      <c r="F473">
        <v>10</v>
      </c>
    </row>
    <row r="474" spans="1:6" x14ac:dyDescent="0.25">
      <c r="A474" t="s">
        <v>323</v>
      </c>
      <c r="B474" s="1" t="s">
        <v>325</v>
      </c>
      <c r="D474" t="s">
        <v>53</v>
      </c>
      <c r="E474">
        <v>245.5</v>
      </c>
      <c r="F474">
        <v>2</v>
      </c>
    </row>
    <row r="475" spans="1:6" x14ac:dyDescent="0.25">
      <c r="A475" t="s">
        <v>335</v>
      </c>
      <c r="B475" s="1" t="s">
        <v>39</v>
      </c>
      <c r="C475" t="s">
        <v>345</v>
      </c>
      <c r="D475" t="s">
        <v>53</v>
      </c>
      <c r="E475">
        <v>60</v>
      </c>
      <c r="F475">
        <v>6</v>
      </c>
    </row>
    <row r="476" spans="1:6" x14ac:dyDescent="0.25">
      <c r="A476" t="s">
        <v>373</v>
      </c>
      <c r="B476" s="1" t="s">
        <v>377</v>
      </c>
      <c r="D476" t="s">
        <v>53</v>
      </c>
      <c r="E476">
        <v>246.5</v>
      </c>
      <c r="F476">
        <v>4</v>
      </c>
    </row>
    <row r="477" spans="1:6" x14ac:dyDescent="0.25">
      <c r="A477" t="s">
        <v>373</v>
      </c>
      <c r="B477" s="1" t="s">
        <v>379</v>
      </c>
      <c r="D477" t="s">
        <v>53</v>
      </c>
      <c r="E477">
        <v>238.5</v>
      </c>
      <c r="F477">
        <v>6</v>
      </c>
    </row>
    <row r="478" spans="1:6" x14ac:dyDescent="0.25">
      <c r="A478" t="s">
        <v>502</v>
      </c>
      <c r="B478" s="1" t="s">
        <v>506</v>
      </c>
      <c r="D478" t="s">
        <v>53</v>
      </c>
      <c r="E478">
        <v>78.2</v>
      </c>
      <c r="F478">
        <v>4</v>
      </c>
    </row>
    <row r="479" spans="1:6" x14ac:dyDescent="0.25">
      <c r="A479" t="s">
        <v>502</v>
      </c>
      <c r="B479" s="1" t="s">
        <v>508</v>
      </c>
      <c r="D479" t="s">
        <v>53</v>
      </c>
      <c r="E479">
        <v>71.8</v>
      </c>
      <c r="F479">
        <v>6</v>
      </c>
    </row>
    <row r="480" spans="1:6" x14ac:dyDescent="0.25">
      <c r="A480" t="s">
        <v>781</v>
      </c>
      <c r="B480" s="1" t="s">
        <v>788</v>
      </c>
      <c r="D480" t="s">
        <v>53</v>
      </c>
      <c r="E480">
        <v>75.66</v>
      </c>
      <c r="F480">
        <v>7</v>
      </c>
    </row>
    <row r="481" spans="1:6" x14ac:dyDescent="0.25">
      <c r="A481" t="s">
        <v>874</v>
      </c>
      <c r="B481" s="1" t="s">
        <v>57</v>
      </c>
      <c r="C481" t="s">
        <v>880</v>
      </c>
      <c r="D481" t="s">
        <v>53</v>
      </c>
      <c r="E481">
        <v>74</v>
      </c>
      <c r="F481">
        <v>6</v>
      </c>
    </row>
    <row r="482" spans="1:6" x14ac:dyDescent="0.25">
      <c r="A482" t="s">
        <v>959</v>
      </c>
      <c r="B482" s="1" t="s">
        <v>966</v>
      </c>
      <c r="D482" t="s">
        <v>53</v>
      </c>
      <c r="E482">
        <v>45.75</v>
      </c>
      <c r="F482">
        <v>7</v>
      </c>
    </row>
    <row r="483" spans="1:6" x14ac:dyDescent="0.25">
      <c r="A483" t="s">
        <v>308</v>
      </c>
      <c r="B483" s="1" t="s">
        <v>312</v>
      </c>
      <c r="D483" t="s">
        <v>228</v>
      </c>
      <c r="E483">
        <v>81</v>
      </c>
      <c r="F483">
        <v>4</v>
      </c>
    </row>
    <row r="484" spans="1:6" x14ac:dyDescent="0.25">
      <c r="A484" t="s">
        <v>546</v>
      </c>
      <c r="B484" s="1" t="s">
        <v>551</v>
      </c>
      <c r="C484" t="s">
        <v>552</v>
      </c>
      <c r="D484" t="s">
        <v>228</v>
      </c>
      <c r="E484">
        <v>87</v>
      </c>
      <c r="F484">
        <v>5</v>
      </c>
    </row>
    <row r="485" spans="1:6" x14ac:dyDescent="0.25">
      <c r="A485" t="s">
        <v>741</v>
      </c>
      <c r="B485" s="1" t="s">
        <v>748</v>
      </c>
      <c r="C485" t="s">
        <v>749</v>
      </c>
      <c r="D485" t="s">
        <v>228</v>
      </c>
      <c r="E485">
        <v>70</v>
      </c>
      <c r="F485">
        <v>8</v>
      </c>
    </row>
    <row r="486" spans="1:6" x14ac:dyDescent="0.25">
      <c r="A486" t="s">
        <v>752</v>
      </c>
      <c r="B486" s="1" t="s">
        <v>755</v>
      </c>
      <c r="C486" t="s">
        <v>756</v>
      </c>
      <c r="D486" t="s">
        <v>228</v>
      </c>
      <c r="E486">
        <v>39</v>
      </c>
      <c r="F486">
        <v>3</v>
      </c>
    </row>
    <row r="487" spans="1:6" x14ac:dyDescent="0.25">
      <c r="A487" t="s">
        <v>765</v>
      </c>
      <c r="B487" s="1" t="s">
        <v>221</v>
      </c>
      <c r="C487" t="s">
        <v>767</v>
      </c>
      <c r="D487" t="s">
        <v>228</v>
      </c>
      <c r="E487">
        <v>93.5</v>
      </c>
      <c r="F487">
        <v>2</v>
      </c>
    </row>
    <row r="488" spans="1:6" x14ac:dyDescent="0.25">
      <c r="A488" t="s">
        <v>853</v>
      </c>
      <c r="B488" s="1" t="s">
        <v>854</v>
      </c>
      <c r="D488" t="s">
        <v>228</v>
      </c>
      <c r="E488">
        <v>95.5</v>
      </c>
      <c r="F488">
        <v>1</v>
      </c>
    </row>
    <row r="489" spans="1:6" x14ac:dyDescent="0.25">
      <c r="A489" t="s">
        <v>323</v>
      </c>
      <c r="B489" s="1" t="s">
        <v>330</v>
      </c>
      <c r="D489" t="s">
        <v>305</v>
      </c>
      <c r="E489">
        <v>215</v>
      </c>
      <c r="F489">
        <v>7</v>
      </c>
    </row>
    <row r="490" spans="1:6" x14ac:dyDescent="0.25">
      <c r="A490" t="s">
        <v>323</v>
      </c>
      <c r="B490" s="1" t="s">
        <v>333</v>
      </c>
      <c r="D490" t="s">
        <v>305</v>
      </c>
      <c r="E490">
        <v>181</v>
      </c>
      <c r="F490">
        <v>10</v>
      </c>
    </row>
    <row r="491" spans="1:6" x14ac:dyDescent="0.25">
      <c r="A491" t="s">
        <v>490</v>
      </c>
      <c r="B491" s="1" t="s">
        <v>492</v>
      </c>
      <c r="D491" t="s">
        <v>305</v>
      </c>
      <c r="E491">
        <v>66.900000000000006</v>
      </c>
      <c r="F491">
        <v>2</v>
      </c>
    </row>
    <row r="492" spans="1:6" x14ac:dyDescent="0.25">
      <c r="A492" t="s">
        <v>490</v>
      </c>
      <c r="B492" s="1" t="s">
        <v>493</v>
      </c>
      <c r="D492" t="s">
        <v>305</v>
      </c>
      <c r="E492">
        <v>66.099999999999994</v>
      </c>
      <c r="F492">
        <v>3</v>
      </c>
    </row>
    <row r="493" spans="1:6" x14ac:dyDescent="0.25">
      <c r="A493" t="s">
        <v>559</v>
      </c>
      <c r="B493" s="1" t="s">
        <v>230</v>
      </c>
      <c r="C493" t="s">
        <v>564</v>
      </c>
      <c r="D493" t="s">
        <v>305</v>
      </c>
      <c r="E493">
        <v>74.33</v>
      </c>
      <c r="F493">
        <v>3</v>
      </c>
    </row>
    <row r="494" spans="1:6" x14ac:dyDescent="0.25">
      <c r="A494" t="s">
        <v>559</v>
      </c>
      <c r="B494" s="1" t="s">
        <v>572</v>
      </c>
      <c r="C494" t="s">
        <v>573</v>
      </c>
      <c r="D494" t="s">
        <v>305</v>
      </c>
      <c r="E494" t="e">
        <f>AVERAGE(#REF!)</f>
        <v>#REF!</v>
      </c>
      <c r="F494">
        <v>5</v>
      </c>
    </row>
    <row r="495" spans="1:6" x14ac:dyDescent="0.25">
      <c r="A495" t="s">
        <v>559</v>
      </c>
      <c r="B495" s="1" t="s">
        <v>566</v>
      </c>
      <c r="C495" t="s">
        <v>567</v>
      </c>
      <c r="D495" t="s">
        <v>305</v>
      </c>
      <c r="E495">
        <v>61</v>
      </c>
      <c r="F495">
        <v>6</v>
      </c>
    </row>
    <row r="496" spans="1:6" x14ac:dyDescent="0.25">
      <c r="A496" t="s">
        <v>886</v>
      </c>
      <c r="B496" s="1" t="s">
        <v>895</v>
      </c>
      <c r="D496" t="s">
        <v>305</v>
      </c>
      <c r="E496">
        <v>127</v>
      </c>
      <c r="F496">
        <v>9</v>
      </c>
    </row>
    <row r="497" spans="1:6" x14ac:dyDescent="0.25">
      <c r="A497" t="s">
        <v>897</v>
      </c>
      <c r="B497" s="1" t="s">
        <v>904</v>
      </c>
      <c r="C497" t="s">
        <v>224</v>
      </c>
      <c r="D497" t="s">
        <v>305</v>
      </c>
      <c r="E497">
        <v>88</v>
      </c>
      <c r="F497">
        <v>4</v>
      </c>
    </row>
    <row r="498" spans="1:6" x14ac:dyDescent="0.25">
      <c r="A498" t="s">
        <v>936</v>
      </c>
      <c r="B498" s="1" t="s">
        <v>938</v>
      </c>
      <c r="D498" t="s">
        <v>305</v>
      </c>
      <c r="E498">
        <v>85.65</v>
      </c>
      <c r="F498">
        <v>2</v>
      </c>
    </row>
    <row r="499" spans="1:6" x14ac:dyDescent="0.25">
      <c r="A499" t="s">
        <v>936</v>
      </c>
      <c r="B499" s="1" t="s">
        <v>942</v>
      </c>
      <c r="D499" t="s">
        <v>305</v>
      </c>
      <c r="E499">
        <v>74.075000000000003</v>
      </c>
      <c r="F499">
        <v>5</v>
      </c>
    </row>
    <row r="500" spans="1:6" x14ac:dyDescent="0.25">
      <c r="A500" t="s">
        <v>804</v>
      </c>
      <c r="B500" s="1" t="s">
        <v>811</v>
      </c>
      <c r="D500" t="s">
        <v>207</v>
      </c>
      <c r="E500">
        <v>91.25</v>
      </c>
      <c r="F500">
        <v>7</v>
      </c>
    </row>
    <row r="501" spans="1:6" x14ac:dyDescent="0.25">
      <c r="A501" t="s">
        <v>897</v>
      </c>
      <c r="B501" s="1" t="s">
        <v>233</v>
      </c>
      <c r="C501" t="s">
        <v>208</v>
      </c>
      <c r="D501" t="s">
        <v>207</v>
      </c>
      <c r="E501">
        <v>73.5</v>
      </c>
      <c r="F501">
        <v>10</v>
      </c>
    </row>
    <row r="502" spans="1:6" x14ac:dyDescent="0.25">
      <c r="A502" t="s">
        <v>910</v>
      </c>
      <c r="B502" s="1" t="s">
        <v>913</v>
      </c>
      <c r="C502" t="s">
        <v>914</v>
      </c>
      <c r="D502" t="s">
        <v>207</v>
      </c>
      <c r="E502">
        <v>90.66</v>
      </c>
      <c r="F502">
        <v>3</v>
      </c>
    </row>
    <row r="503" spans="1:6" x14ac:dyDescent="0.25">
      <c r="A503" t="s">
        <v>5</v>
      </c>
      <c r="B503" s="1" t="s">
        <v>20</v>
      </c>
      <c r="C503" t="s">
        <v>21</v>
      </c>
      <c r="D503" t="s">
        <v>22</v>
      </c>
      <c r="E503">
        <v>56</v>
      </c>
      <c r="F503">
        <v>5</v>
      </c>
    </row>
    <row r="504" spans="1:6" x14ac:dyDescent="0.25">
      <c r="A504" t="s">
        <v>308</v>
      </c>
      <c r="B504" s="1" t="s">
        <v>315</v>
      </c>
      <c r="D504" t="s">
        <v>22</v>
      </c>
      <c r="E504">
        <v>74.33</v>
      </c>
      <c r="F504">
        <v>7</v>
      </c>
    </row>
    <row r="505" spans="1:6" x14ac:dyDescent="0.25">
      <c r="A505" t="s">
        <v>323</v>
      </c>
      <c r="B505" s="1" t="s">
        <v>327</v>
      </c>
      <c r="D505" t="s">
        <v>22</v>
      </c>
      <c r="E505">
        <v>228</v>
      </c>
      <c r="F505">
        <v>4</v>
      </c>
    </row>
    <row r="506" spans="1:6" x14ac:dyDescent="0.25">
      <c r="A506" t="s">
        <v>467</v>
      </c>
      <c r="B506" s="1" t="s">
        <v>158</v>
      </c>
      <c r="C506" t="s">
        <v>21</v>
      </c>
      <c r="D506" t="s">
        <v>22</v>
      </c>
      <c r="E506">
        <v>71</v>
      </c>
      <c r="F506">
        <v>3</v>
      </c>
    </row>
    <row r="507" spans="1:6" x14ac:dyDescent="0.25">
      <c r="A507" t="s">
        <v>502</v>
      </c>
      <c r="B507" s="1" t="s">
        <v>505</v>
      </c>
      <c r="D507" t="s">
        <v>22</v>
      </c>
      <c r="E507">
        <v>79.3</v>
      </c>
      <c r="F507">
        <v>3</v>
      </c>
    </row>
    <row r="508" spans="1:6" x14ac:dyDescent="0.25">
      <c r="A508" t="s">
        <v>615</v>
      </c>
      <c r="B508" s="1" t="s">
        <v>241</v>
      </c>
      <c r="C508" t="s">
        <v>242</v>
      </c>
      <c r="D508" t="s">
        <v>22</v>
      </c>
      <c r="E508">
        <v>124</v>
      </c>
      <c r="F508">
        <v>6</v>
      </c>
    </row>
    <row r="509" spans="1:6" x14ac:dyDescent="0.25">
      <c r="A509" t="s">
        <v>731</v>
      </c>
      <c r="B509" s="1" t="s">
        <v>239</v>
      </c>
      <c r="C509" t="s">
        <v>240</v>
      </c>
      <c r="D509" t="s">
        <v>22</v>
      </c>
      <c r="E509">
        <v>82</v>
      </c>
      <c r="F509">
        <v>1</v>
      </c>
    </row>
    <row r="510" spans="1:6" x14ac:dyDescent="0.25">
      <c r="A510" t="s">
        <v>781</v>
      </c>
      <c r="B510" s="1" t="s">
        <v>791</v>
      </c>
      <c r="D510" t="s">
        <v>22</v>
      </c>
      <c r="E510">
        <v>72.66</v>
      </c>
      <c r="F510">
        <v>10</v>
      </c>
    </row>
    <row r="511" spans="1:6" x14ac:dyDescent="0.25">
      <c r="A511" t="s">
        <v>959</v>
      </c>
      <c r="B511" s="1" t="s">
        <v>969</v>
      </c>
      <c r="D511" t="s">
        <v>22</v>
      </c>
      <c r="E511">
        <v>44</v>
      </c>
      <c r="F511">
        <v>10</v>
      </c>
    </row>
    <row r="512" spans="1:6" x14ac:dyDescent="0.25">
      <c r="A512" t="s">
        <v>588</v>
      </c>
      <c r="B512" s="1" t="s">
        <v>590</v>
      </c>
      <c r="D512" t="s">
        <v>591</v>
      </c>
      <c r="E512">
        <v>81.7</v>
      </c>
      <c r="F512">
        <v>2</v>
      </c>
    </row>
    <row r="513" spans="1:6" x14ac:dyDescent="0.25">
      <c r="A513" t="s">
        <v>752</v>
      </c>
      <c r="B513" s="1" t="s">
        <v>159</v>
      </c>
      <c r="C513" t="s">
        <v>761</v>
      </c>
      <c r="D513" t="s">
        <v>591</v>
      </c>
      <c r="E513">
        <v>37</v>
      </c>
      <c r="F513">
        <v>7</v>
      </c>
    </row>
    <row r="514" spans="1:6" x14ac:dyDescent="0.25">
      <c r="A514" t="s">
        <v>792</v>
      </c>
      <c r="B514" s="1" t="s">
        <v>793</v>
      </c>
      <c r="D514" t="s">
        <v>591</v>
      </c>
      <c r="E514">
        <v>95.5</v>
      </c>
      <c r="F514">
        <v>1</v>
      </c>
    </row>
    <row r="515" spans="1:6" x14ac:dyDescent="0.25">
      <c r="A515" t="s">
        <v>288</v>
      </c>
      <c r="B515" s="1" t="s">
        <v>291</v>
      </c>
      <c r="C515" t="s">
        <v>292</v>
      </c>
      <c r="D515" t="s">
        <v>293</v>
      </c>
      <c r="E515">
        <v>81</v>
      </c>
      <c r="F515">
        <v>2</v>
      </c>
    </row>
    <row r="516" spans="1:6" x14ac:dyDescent="0.25">
      <c r="A516" t="s">
        <v>467</v>
      </c>
      <c r="B516" s="1" t="s">
        <v>140</v>
      </c>
      <c r="C516" t="s">
        <v>471</v>
      </c>
      <c r="D516" t="s">
        <v>293</v>
      </c>
      <c r="E516">
        <v>67</v>
      </c>
      <c r="F516">
        <v>8</v>
      </c>
    </row>
    <row r="517" spans="1:6" x14ac:dyDescent="0.25">
      <c r="A517" t="s">
        <v>335</v>
      </c>
      <c r="B517" s="1" t="s">
        <v>339</v>
      </c>
      <c r="C517" t="s">
        <v>340</v>
      </c>
      <c r="D517" t="s">
        <v>341</v>
      </c>
      <c r="E517">
        <v>69</v>
      </c>
      <c r="F517">
        <v>3</v>
      </c>
    </row>
    <row r="518" spans="1:6" x14ac:dyDescent="0.25">
      <c r="A518" t="s">
        <v>467</v>
      </c>
      <c r="B518" s="1" t="s">
        <v>181</v>
      </c>
      <c r="C518" t="s">
        <v>469</v>
      </c>
      <c r="D518" t="s">
        <v>322</v>
      </c>
      <c r="E518">
        <v>70</v>
      </c>
      <c r="F518">
        <v>4</v>
      </c>
    </row>
    <row r="519" spans="1:6" x14ac:dyDescent="0.25">
      <c r="A519" t="s">
        <v>467</v>
      </c>
      <c r="B519" s="1" t="s">
        <v>90</v>
      </c>
      <c r="C519" t="s">
        <v>470</v>
      </c>
      <c r="D519" t="s">
        <v>322</v>
      </c>
      <c r="E519">
        <v>68</v>
      </c>
      <c r="F519">
        <v>5</v>
      </c>
    </row>
    <row r="520" spans="1:6" x14ac:dyDescent="0.25">
      <c r="A520" t="s">
        <v>145</v>
      </c>
      <c r="B520" s="1" t="s">
        <v>149</v>
      </c>
      <c r="D520" t="s">
        <v>54</v>
      </c>
      <c r="E520">
        <v>162.69999999999999</v>
      </c>
      <c r="F520">
        <v>4</v>
      </c>
    </row>
    <row r="521" spans="1:6" x14ac:dyDescent="0.25">
      <c r="A521" t="s">
        <v>430</v>
      </c>
      <c r="B521" s="1" t="s">
        <v>434</v>
      </c>
      <c r="D521" t="s">
        <v>54</v>
      </c>
      <c r="E521">
        <v>184.5</v>
      </c>
      <c r="F521">
        <v>4</v>
      </c>
    </row>
    <row r="522" spans="1:6" x14ac:dyDescent="0.25">
      <c r="A522" t="s">
        <v>513</v>
      </c>
      <c r="B522" s="1" t="s">
        <v>522</v>
      </c>
      <c r="D522" t="s">
        <v>54</v>
      </c>
      <c r="E522">
        <v>145.25</v>
      </c>
      <c r="F522">
        <v>9</v>
      </c>
    </row>
    <row r="523" spans="1:6" x14ac:dyDescent="0.25">
      <c r="A523" t="s">
        <v>731</v>
      </c>
      <c r="B523" s="1" t="s">
        <v>199</v>
      </c>
      <c r="C523" t="s">
        <v>739</v>
      </c>
      <c r="D523" t="s">
        <v>54</v>
      </c>
      <c r="E523">
        <v>76</v>
      </c>
      <c r="F523">
        <v>8</v>
      </c>
    </row>
    <row r="524" spans="1:6" x14ac:dyDescent="0.25">
      <c r="A524" t="s">
        <v>765</v>
      </c>
      <c r="B524" s="1" t="s">
        <v>769</v>
      </c>
      <c r="C524" t="s">
        <v>770</v>
      </c>
      <c r="D524" t="s">
        <v>54</v>
      </c>
      <c r="E524">
        <v>91.75</v>
      </c>
      <c r="F524">
        <v>4</v>
      </c>
    </row>
    <row r="525" spans="1:6" x14ac:dyDescent="0.25">
      <c r="A525" t="s">
        <v>781</v>
      </c>
      <c r="B525" s="1" t="s">
        <v>786</v>
      </c>
      <c r="D525" t="s">
        <v>54</v>
      </c>
      <c r="E525">
        <v>79</v>
      </c>
      <c r="F525">
        <v>5</v>
      </c>
    </row>
    <row r="526" spans="1:6" x14ac:dyDescent="0.25">
      <c r="A526" t="s">
        <v>792</v>
      </c>
      <c r="B526" s="1" t="s">
        <v>800</v>
      </c>
      <c r="D526" t="s">
        <v>54</v>
      </c>
      <c r="E526">
        <v>78</v>
      </c>
      <c r="F526">
        <v>8</v>
      </c>
    </row>
    <row r="527" spans="1:6" x14ac:dyDescent="0.25">
      <c r="A527" t="s">
        <v>804</v>
      </c>
      <c r="B527" s="1" t="s">
        <v>812</v>
      </c>
      <c r="D527" t="s">
        <v>54</v>
      </c>
      <c r="E527">
        <v>85</v>
      </c>
      <c r="F527">
        <v>8</v>
      </c>
    </row>
    <row r="528" spans="1:6" x14ac:dyDescent="0.25">
      <c r="A528" t="s">
        <v>863</v>
      </c>
      <c r="B528" s="1" t="s">
        <v>870</v>
      </c>
      <c r="D528" t="s">
        <v>54</v>
      </c>
      <c r="E528">
        <v>157.33000000000001</v>
      </c>
      <c r="F528">
        <v>7</v>
      </c>
    </row>
    <row r="529" spans="1:6" x14ac:dyDescent="0.25">
      <c r="A529" t="s">
        <v>874</v>
      </c>
      <c r="B529" s="1" t="s">
        <v>23</v>
      </c>
      <c r="C529" t="s">
        <v>877</v>
      </c>
      <c r="D529" t="s">
        <v>54</v>
      </c>
      <c r="E529">
        <v>75</v>
      </c>
      <c r="F529">
        <v>3</v>
      </c>
    </row>
    <row r="530" spans="1:6" x14ac:dyDescent="0.25">
      <c r="A530" t="s">
        <v>430</v>
      </c>
      <c r="B530" s="1" t="s">
        <v>441</v>
      </c>
      <c r="D530" t="s">
        <v>353</v>
      </c>
      <c r="E530">
        <v>131.75</v>
      </c>
      <c r="F530">
        <v>10</v>
      </c>
    </row>
    <row r="531" spans="1:6" x14ac:dyDescent="0.25">
      <c r="A531" t="s">
        <v>455</v>
      </c>
      <c r="B531" s="1" t="s">
        <v>463</v>
      </c>
      <c r="D531" t="s">
        <v>353</v>
      </c>
      <c r="E531">
        <v>179.33</v>
      </c>
      <c r="F531">
        <v>7</v>
      </c>
    </row>
    <row r="532" spans="1:6" x14ac:dyDescent="0.25">
      <c r="A532" t="s">
        <v>524</v>
      </c>
      <c r="B532" s="1" t="s">
        <v>529</v>
      </c>
      <c r="D532" t="s">
        <v>353</v>
      </c>
      <c r="E532">
        <v>231.6</v>
      </c>
      <c r="F532">
        <v>5</v>
      </c>
    </row>
    <row r="533" spans="1:6" x14ac:dyDescent="0.25">
      <c r="A533" t="s">
        <v>535</v>
      </c>
      <c r="B533" s="1" t="s">
        <v>545</v>
      </c>
      <c r="D533" t="s">
        <v>353</v>
      </c>
      <c r="E533">
        <v>154.36000000000001</v>
      </c>
      <c r="F533">
        <v>10</v>
      </c>
    </row>
    <row r="534" spans="1:6" x14ac:dyDescent="0.25">
      <c r="A534" t="s">
        <v>684</v>
      </c>
      <c r="B534" s="1" t="s">
        <v>159</v>
      </c>
      <c r="C534" t="s">
        <v>696</v>
      </c>
      <c r="D534" t="s">
        <v>353</v>
      </c>
      <c r="E534">
        <v>70</v>
      </c>
      <c r="F534">
        <v>10</v>
      </c>
    </row>
    <row r="535" spans="1:6" x14ac:dyDescent="0.25">
      <c r="A535" t="s">
        <v>5</v>
      </c>
      <c r="B535" s="1" t="s">
        <v>14</v>
      </c>
      <c r="C535" t="s">
        <v>15</v>
      </c>
      <c r="D535" t="s">
        <v>16</v>
      </c>
      <c r="E535">
        <v>60</v>
      </c>
      <c r="F535">
        <v>4</v>
      </c>
    </row>
    <row r="536" spans="1:6" x14ac:dyDescent="0.25">
      <c r="A536" t="s">
        <v>93</v>
      </c>
      <c r="B536" s="1" t="s">
        <v>117</v>
      </c>
      <c r="C536" t="s">
        <v>15</v>
      </c>
      <c r="D536" t="s">
        <v>16</v>
      </c>
      <c r="E536">
        <v>57</v>
      </c>
      <c r="F536">
        <v>9</v>
      </c>
    </row>
    <row r="537" spans="1:6" x14ac:dyDescent="0.25">
      <c r="A537" t="s">
        <v>781</v>
      </c>
      <c r="B537" s="1" t="s">
        <v>790</v>
      </c>
      <c r="D537" t="s">
        <v>16</v>
      </c>
      <c r="E537">
        <v>73.66</v>
      </c>
      <c r="F537">
        <v>9</v>
      </c>
    </row>
    <row r="538" spans="1:6" x14ac:dyDescent="0.25">
      <c r="A538" t="s">
        <v>387</v>
      </c>
      <c r="B538" s="1" t="s">
        <v>397</v>
      </c>
      <c r="D538" t="s">
        <v>209</v>
      </c>
      <c r="E538">
        <v>79.25</v>
      </c>
      <c r="F538">
        <v>9</v>
      </c>
    </row>
    <row r="539" spans="1:6" x14ac:dyDescent="0.25">
      <c r="A539" t="s">
        <v>576</v>
      </c>
      <c r="B539" s="1" t="s">
        <v>582</v>
      </c>
      <c r="D539" t="s">
        <v>209</v>
      </c>
      <c r="E539">
        <v>86.7</v>
      </c>
      <c r="F539">
        <v>5</v>
      </c>
    </row>
    <row r="540" spans="1:6" x14ac:dyDescent="0.25">
      <c r="A540" t="s">
        <v>601</v>
      </c>
      <c r="B540" s="1" t="s">
        <v>121</v>
      </c>
      <c r="C540" t="s">
        <v>603</v>
      </c>
      <c r="D540" t="s">
        <v>209</v>
      </c>
      <c r="E540">
        <v>37</v>
      </c>
      <c r="F540">
        <v>3</v>
      </c>
    </row>
    <row r="541" spans="1:6" x14ac:dyDescent="0.25">
      <c r="A541" t="s">
        <v>741</v>
      </c>
      <c r="B541" s="1" t="s">
        <v>183</v>
      </c>
      <c r="C541" t="s">
        <v>744</v>
      </c>
      <c r="D541" t="s">
        <v>209</v>
      </c>
      <c r="E541">
        <v>77</v>
      </c>
      <c r="F541">
        <v>4</v>
      </c>
    </row>
    <row r="542" spans="1:6" x14ac:dyDescent="0.25">
      <c r="A542" t="s">
        <v>559</v>
      </c>
      <c r="B542" s="1" t="s">
        <v>565</v>
      </c>
      <c r="C542" t="s">
        <v>194</v>
      </c>
      <c r="D542" t="s">
        <v>400</v>
      </c>
      <c r="E542">
        <v>63.33</v>
      </c>
      <c r="F542">
        <v>4</v>
      </c>
    </row>
    <row r="543" spans="1:6" x14ac:dyDescent="0.25">
      <c r="A543" t="s">
        <v>684</v>
      </c>
      <c r="B543" s="1" t="s">
        <v>167</v>
      </c>
      <c r="C543" t="s">
        <v>688</v>
      </c>
      <c r="D543" t="s">
        <v>400</v>
      </c>
      <c r="E543">
        <v>85</v>
      </c>
      <c r="F543">
        <v>4</v>
      </c>
    </row>
    <row r="544" spans="1:6" x14ac:dyDescent="0.25">
      <c r="A544" t="s">
        <v>262</v>
      </c>
      <c r="B544" s="1" t="s">
        <v>278</v>
      </c>
      <c r="C544" t="s">
        <v>279</v>
      </c>
      <c r="D544" t="s">
        <v>280</v>
      </c>
      <c r="E544">
        <v>60</v>
      </c>
      <c r="F544">
        <v>8</v>
      </c>
    </row>
    <row r="545" spans="1:6" x14ac:dyDescent="0.25">
      <c r="A545" t="s">
        <v>288</v>
      </c>
      <c r="B545" s="1" t="s">
        <v>181</v>
      </c>
      <c r="C545" t="s">
        <v>299</v>
      </c>
      <c r="D545" t="s">
        <v>280</v>
      </c>
      <c r="E545">
        <v>80</v>
      </c>
      <c r="F545">
        <v>6</v>
      </c>
    </row>
    <row r="546" spans="1:6" x14ac:dyDescent="0.25">
      <c r="A546" t="s">
        <v>467</v>
      </c>
      <c r="B546" s="1" t="s">
        <v>109</v>
      </c>
      <c r="C546" t="s">
        <v>468</v>
      </c>
      <c r="D546" t="s">
        <v>280</v>
      </c>
      <c r="E546">
        <v>76</v>
      </c>
      <c r="F546">
        <v>1</v>
      </c>
    </row>
    <row r="547" spans="1:6" x14ac:dyDescent="0.25">
      <c r="A547" t="s">
        <v>475</v>
      </c>
      <c r="B547" s="1" t="s">
        <v>214</v>
      </c>
      <c r="C547" t="s">
        <v>480</v>
      </c>
      <c r="D547" t="s">
        <v>280</v>
      </c>
      <c r="E547">
        <v>55</v>
      </c>
      <c r="F547">
        <v>4</v>
      </c>
    </row>
    <row r="548" spans="1:6" x14ac:dyDescent="0.25">
      <c r="A548" t="s">
        <v>615</v>
      </c>
      <c r="B548" s="1" t="s">
        <v>143</v>
      </c>
      <c r="C548" t="s">
        <v>619</v>
      </c>
      <c r="D548" t="s">
        <v>280</v>
      </c>
      <c r="E548">
        <v>138</v>
      </c>
      <c r="F548">
        <v>3</v>
      </c>
    </row>
    <row r="549" spans="1:6" x14ac:dyDescent="0.25">
      <c r="A549" t="s">
        <v>853</v>
      </c>
      <c r="B549" s="1" t="s">
        <v>862</v>
      </c>
      <c r="D549" t="s">
        <v>280</v>
      </c>
      <c r="E549">
        <v>72</v>
      </c>
      <c r="F549">
        <v>9</v>
      </c>
    </row>
    <row r="550" spans="1:6" x14ac:dyDescent="0.25">
      <c r="A550" t="s">
        <v>245</v>
      </c>
      <c r="B550" s="1" t="s">
        <v>248</v>
      </c>
      <c r="D550" t="s">
        <v>123</v>
      </c>
      <c r="E550">
        <v>84</v>
      </c>
      <c r="F550">
        <v>2</v>
      </c>
    </row>
    <row r="551" spans="1:6" x14ac:dyDescent="0.25">
      <c r="A551" t="s">
        <v>467</v>
      </c>
      <c r="B551" s="1" t="s">
        <v>369</v>
      </c>
      <c r="C551" t="s">
        <v>429</v>
      </c>
      <c r="D551" t="s">
        <v>123</v>
      </c>
      <c r="E551">
        <v>71</v>
      </c>
      <c r="F551">
        <v>2</v>
      </c>
    </row>
    <row r="552" spans="1:6" x14ac:dyDescent="0.25">
      <c r="A552" t="s">
        <v>513</v>
      </c>
      <c r="B552" s="1" t="s">
        <v>519</v>
      </c>
      <c r="D552" t="s">
        <v>123</v>
      </c>
      <c r="E552">
        <v>158.25</v>
      </c>
      <c r="F552">
        <v>6</v>
      </c>
    </row>
    <row r="553" spans="1:6" x14ac:dyDescent="0.25">
      <c r="A553" t="s">
        <v>535</v>
      </c>
      <c r="B553" s="1" t="s">
        <v>544</v>
      </c>
      <c r="D553" t="s">
        <v>123</v>
      </c>
      <c r="E553">
        <v>175.03</v>
      </c>
      <c r="F553">
        <v>9</v>
      </c>
    </row>
    <row r="554" spans="1:6" x14ac:dyDescent="0.25">
      <c r="A554" t="s">
        <v>642</v>
      </c>
      <c r="B554" s="1" t="s">
        <v>42</v>
      </c>
      <c r="C554" t="s">
        <v>169</v>
      </c>
      <c r="D554" t="s">
        <v>123</v>
      </c>
      <c r="E554">
        <v>64</v>
      </c>
      <c r="F554">
        <v>5</v>
      </c>
    </row>
    <row r="555" spans="1:6" x14ac:dyDescent="0.25">
      <c r="A555" t="s">
        <v>673</v>
      </c>
      <c r="B555" s="1" t="s">
        <v>678</v>
      </c>
      <c r="D555" t="s">
        <v>123</v>
      </c>
      <c r="E555">
        <v>82</v>
      </c>
      <c r="F555">
        <v>5</v>
      </c>
    </row>
    <row r="556" spans="1:6" x14ac:dyDescent="0.25">
      <c r="A556" t="s">
        <v>781</v>
      </c>
      <c r="B556" s="1" t="s">
        <v>783</v>
      </c>
      <c r="D556" t="s">
        <v>123</v>
      </c>
      <c r="E556">
        <v>85</v>
      </c>
      <c r="F556">
        <v>2</v>
      </c>
    </row>
    <row r="557" spans="1:6" x14ac:dyDescent="0.25">
      <c r="A557" t="s">
        <v>841</v>
      </c>
      <c r="B557" s="1" t="s">
        <v>180</v>
      </c>
      <c r="C557" t="s">
        <v>843</v>
      </c>
      <c r="D557" t="s">
        <v>123</v>
      </c>
      <c r="E557">
        <v>46</v>
      </c>
      <c r="F557">
        <v>2</v>
      </c>
    </row>
    <row r="558" spans="1:6" x14ac:dyDescent="0.25">
      <c r="A558" t="s">
        <v>841</v>
      </c>
      <c r="B558" s="1" t="s">
        <v>369</v>
      </c>
      <c r="C558" t="s">
        <v>844</v>
      </c>
      <c r="D558" t="s">
        <v>123</v>
      </c>
      <c r="E558">
        <v>40</v>
      </c>
      <c r="F558">
        <v>3</v>
      </c>
    </row>
    <row r="559" spans="1:6" x14ac:dyDescent="0.25">
      <c r="A559" t="s">
        <v>502</v>
      </c>
      <c r="B559" s="1" t="s">
        <v>509</v>
      </c>
      <c r="D559" t="s">
        <v>85</v>
      </c>
      <c r="E559">
        <v>71</v>
      </c>
      <c r="F559">
        <v>7</v>
      </c>
    </row>
    <row r="560" spans="1:6" x14ac:dyDescent="0.25">
      <c r="A560" t="s">
        <v>615</v>
      </c>
      <c r="B560" s="1" t="s">
        <v>623</v>
      </c>
      <c r="C560" t="s">
        <v>205</v>
      </c>
      <c r="D560" t="s">
        <v>85</v>
      </c>
      <c r="E560">
        <v>111.67</v>
      </c>
      <c r="F560">
        <v>7</v>
      </c>
    </row>
    <row r="561" spans="1:6" x14ac:dyDescent="0.25">
      <c r="A561" t="s">
        <v>741</v>
      </c>
      <c r="B561" s="1" t="s">
        <v>167</v>
      </c>
      <c r="C561" t="s">
        <v>746</v>
      </c>
      <c r="D561" t="s">
        <v>85</v>
      </c>
      <c r="E561">
        <v>73</v>
      </c>
      <c r="F561">
        <v>6</v>
      </c>
    </row>
    <row r="562" spans="1:6" x14ac:dyDescent="0.25">
      <c r="A562" t="s">
        <v>804</v>
      </c>
      <c r="B562" s="1" t="s">
        <v>806</v>
      </c>
      <c r="D562" t="s">
        <v>85</v>
      </c>
      <c r="E562">
        <v>103.25</v>
      </c>
      <c r="F562">
        <v>2</v>
      </c>
    </row>
    <row r="563" spans="1:6" x14ac:dyDescent="0.25">
      <c r="A563" t="s">
        <v>804</v>
      </c>
      <c r="B563" s="1" t="s">
        <v>807</v>
      </c>
      <c r="D563" t="s">
        <v>85</v>
      </c>
      <c r="E563">
        <v>102</v>
      </c>
      <c r="F563">
        <v>3</v>
      </c>
    </row>
    <row r="564" spans="1:6" x14ac:dyDescent="0.25">
      <c r="A564" t="s">
        <v>874</v>
      </c>
      <c r="B564" s="1" t="s">
        <v>109</v>
      </c>
      <c r="C564" t="s">
        <v>879</v>
      </c>
      <c r="D564" t="s">
        <v>698</v>
      </c>
      <c r="E564">
        <v>75</v>
      </c>
      <c r="F564">
        <v>5</v>
      </c>
    </row>
    <row r="565" spans="1:6" x14ac:dyDescent="0.25">
      <c r="A565" t="s">
        <v>615</v>
      </c>
      <c r="B565" s="1" t="s">
        <v>628</v>
      </c>
      <c r="C565" t="s">
        <v>629</v>
      </c>
      <c r="D565" t="s">
        <v>307</v>
      </c>
      <c r="E565">
        <v>89.66</v>
      </c>
      <c r="F565">
        <v>10</v>
      </c>
    </row>
    <row r="566" spans="1:6" x14ac:dyDescent="0.25">
      <c r="A566" t="s">
        <v>642</v>
      </c>
      <c r="B566" s="1" t="s">
        <v>652</v>
      </c>
      <c r="C566" t="s">
        <v>653</v>
      </c>
      <c r="D566" t="s">
        <v>307</v>
      </c>
      <c r="E566">
        <v>60</v>
      </c>
      <c r="F566">
        <v>10</v>
      </c>
    </row>
    <row r="567" spans="1:6" x14ac:dyDescent="0.25">
      <c r="A567" t="s">
        <v>656</v>
      </c>
      <c r="B567" s="1" t="s">
        <v>669</v>
      </c>
      <c r="C567" t="s">
        <v>670</v>
      </c>
      <c r="D567" t="s">
        <v>260</v>
      </c>
      <c r="E567">
        <v>74</v>
      </c>
      <c r="F567">
        <v>9</v>
      </c>
    </row>
    <row r="568" spans="1:6" x14ac:dyDescent="0.25">
      <c r="A568" t="s">
        <v>308</v>
      </c>
      <c r="B568" s="1" t="s">
        <v>318</v>
      </c>
      <c r="D568" t="s">
        <v>51</v>
      </c>
      <c r="E568">
        <v>63.5</v>
      </c>
      <c r="F568">
        <v>10</v>
      </c>
    </row>
    <row r="569" spans="1:6" x14ac:dyDescent="0.25">
      <c r="A569" t="s">
        <v>576</v>
      </c>
      <c r="B569" s="1" t="s">
        <v>584</v>
      </c>
      <c r="D569" t="s">
        <v>51</v>
      </c>
      <c r="E569">
        <v>86</v>
      </c>
      <c r="F569">
        <v>7</v>
      </c>
    </row>
    <row r="570" spans="1:6" x14ac:dyDescent="0.25">
      <c r="A570" t="s">
        <v>717</v>
      </c>
      <c r="B570" s="1" t="s">
        <v>137</v>
      </c>
      <c r="C570" t="s">
        <v>723</v>
      </c>
      <c r="D570" t="s">
        <v>51</v>
      </c>
      <c r="E570">
        <v>67</v>
      </c>
      <c r="F570">
        <v>4</v>
      </c>
    </row>
    <row r="571" spans="1:6" x14ac:dyDescent="0.25">
      <c r="A571" t="s">
        <v>765</v>
      </c>
      <c r="B571" s="1" t="s">
        <v>49</v>
      </c>
      <c r="C571" t="s">
        <v>768</v>
      </c>
      <c r="D571" t="s">
        <v>51</v>
      </c>
      <c r="E571">
        <v>93.25</v>
      </c>
      <c r="F571">
        <v>3</v>
      </c>
    </row>
    <row r="572" spans="1:6" x14ac:dyDescent="0.25">
      <c r="A572" t="s">
        <v>430</v>
      </c>
      <c r="B572" s="1" t="s">
        <v>433</v>
      </c>
      <c r="D572" t="s">
        <v>141</v>
      </c>
      <c r="E572">
        <v>186.25</v>
      </c>
      <c r="F572">
        <v>3</v>
      </c>
    </row>
    <row r="573" spans="1:6" x14ac:dyDescent="0.25">
      <c r="A573" t="s">
        <v>731</v>
      </c>
      <c r="B573" s="1" t="s">
        <v>47</v>
      </c>
      <c r="C573" t="s">
        <v>170</v>
      </c>
      <c r="D573" t="s">
        <v>141</v>
      </c>
      <c r="E573">
        <v>78</v>
      </c>
      <c r="F573">
        <v>4</v>
      </c>
    </row>
    <row r="574" spans="1:6" x14ac:dyDescent="0.25">
      <c r="A574" t="s">
        <v>781</v>
      </c>
      <c r="B574" s="1" t="s">
        <v>789</v>
      </c>
      <c r="D574" t="s">
        <v>141</v>
      </c>
      <c r="E574">
        <v>73.66</v>
      </c>
      <c r="F574">
        <v>8</v>
      </c>
    </row>
    <row r="575" spans="1:6" x14ac:dyDescent="0.25">
      <c r="A575" t="s">
        <v>863</v>
      </c>
      <c r="B575" s="1" t="s">
        <v>873</v>
      </c>
      <c r="D575" t="s">
        <v>141</v>
      </c>
      <c r="E575">
        <v>146.33000000000001</v>
      </c>
      <c r="F575">
        <v>10</v>
      </c>
    </row>
    <row r="576" spans="1:6" x14ac:dyDescent="0.25">
      <c r="A576" t="s">
        <v>417</v>
      </c>
      <c r="B576" s="1" t="s">
        <v>425</v>
      </c>
      <c r="C576" t="s">
        <v>426</v>
      </c>
      <c r="D576" t="s">
        <v>334</v>
      </c>
      <c r="E576">
        <v>48.5</v>
      </c>
      <c r="F576">
        <v>9</v>
      </c>
    </row>
    <row r="577" spans="1:6" x14ac:dyDescent="0.25">
      <c r="A577" t="s">
        <v>442</v>
      </c>
      <c r="B577" s="1" t="s">
        <v>453</v>
      </c>
      <c r="D577" t="s">
        <v>334</v>
      </c>
      <c r="E577">
        <v>44.45</v>
      </c>
      <c r="F577">
        <v>10</v>
      </c>
    </row>
    <row r="578" spans="1:6" x14ac:dyDescent="0.25">
      <c r="A578" t="s">
        <v>588</v>
      </c>
      <c r="B578" s="1" t="s">
        <v>596</v>
      </c>
      <c r="D578" t="s">
        <v>334</v>
      </c>
      <c r="E578">
        <v>45</v>
      </c>
      <c r="F578">
        <v>7</v>
      </c>
    </row>
    <row r="579" spans="1:6" x14ac:dyDescent="0.25">
      <c r="A579" t="s">
        <v>925</v>
      </c>
      <c r="B579" s="1" t="s">
        <v>934</v>
      </c>
      <c r="D579" t="s">
        <v>334</v>
      </c>
      <c r="E579">
        <v>54</v>
      </c>
      <c r="F579">
        <v>9</v>
      </c>
    </row>
  </sheetData>
  <sortState xmlns:xlrd2="http://schemas.microsoft.com/office/spreadsheetml/2017/richdata2" ref="A2:G579">
    <sortCondition ref="D2:D579"/>
  </sortState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By Event</vt:lpstr>
      <vt:lpstr>2014 Top 10 plac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eiselman, Jacqui</dc:creator>
  <cp:lastModifiedBy>Davis, Molly</cp:lastModifiedBy>
  <dcterms:created xsi:type="dcterms:W3CDTF">2014-05-01T18:57:27Z</dcterms:created>
  <dcterms:modified xsi:type="dcterms:W3CDTF">2021-07-19T16:53:47Z</dcterms:modified>
</cp:coreProperties>
</file>